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5. Janka\321_2022 Strážna služba\02. Príprava\03. PT\02. Odoslané\"/>
    </mc:Choice>
  </mc:AlternateContent>
  <bookViews>
    <workbookView xWindow="0" yWindow="0" windowWidth="28800" windowHeight="11700"/>
  </bookViews>
  <sheets>
    <sheet name="PT-Opis" sheetId="1" r:id="rId1"/>
  </sheets>
  <externalReferences>
    <externalReference r:id="rId2"/>
  </externalReferences>
  <definedNames>
    <definedName name="_xlnm.Print_Area" localSheetId="0">'PT-Opis'!$A$1:$G$116</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11" i="1" l="1"/>
  <c r="B110" i="1"/>
  <c r="B109" i="1"/>
  <c r="E107" i="1"/>
  <c r="E106" i="1"/>
  <c r="E105" i="1"/>
  <c r="E104" i="1"/>
  <c r="E102" i="1"/>
  <c r="E101" i="1"/>
  <c r="E100" i="1"/>
</calcChain>
</file>

<file path=xl/sharedStrings.xml><?xml version="1.0" encoding="utf-8"?>
<sst xmlns="http://schemas.openxmlformats.org/spreadsheetml/2006/main" count="197" uniqueCount="172">
  <si>
    <t>Názov predmetu zákazky:</t>
  </si>
  <si>
    <t>Strážna služba</t>
  </si>
  <si>
    <t>ŠPECIFIKÁCIA PREDMETU ZÁKAZKY</t>
  </si>
  <si>
    <t xml:space="preserve">Požadované minimálne technické vlastnosti, parametre a hodnoty predmetu zákazky
</t>
  </si>
  <si>
    <t xml:space="preserve">spĺňa / nespĺňa </t>
  </si>
  <si>
    <t>Predmetom zákazky je zabezpečenie strážnej služby v priestoroch verejného obstarávateľa ako poskytovateľa ústavnej a ambulantnej zdravotnej starostlivosti - v objekte budov špecializovanej nemocnice vrátane priľahlých parkovísk v súlade s § 3 písm. a) až c) zákona č. 473/2005 Z.z. v znení neskorších predpisov</t>
  </si>
  <si>
    <t>1.</t>
  </si>
  <si>
    <t>strážna služba musí zahŕňať ochranu osôb a majetku na verejne prístupnom mieste a ochranu osôb a majetku na inom než verejne prístupnom mieste verejného obstarávateľa, vrátane poskytnutia neodkladnej pomoci pri stave dezorientácie po narkóze so sprievodným javom agresívneho správania pacienta a v prípade neprispôsobivého správania sa návštev, rodinných príslušníkov pacientov v ambulantnej ako aj lôžkovej časti,</t>
  </si>
  <si>
    <t>2.</t>
  </si>
  <si>
    <t>uchádzač musí byť držiteľom licencie na prevádzkovanie bezpečnostnej služby v zmysle zák. č. 473/2005 Z. z. v znení neskorších predpisov alebo iného ekvivalentného predpisu,</t>
  </si>
  <si>
    <t>3.</t>
  </si>
  <si>
    <t>výkon strážnej služby u verejného obstarávateľa musí byť zabezpečený minimálne troma odborne spôsobilými osobami, ktoré:</t>
  </si>
  <si>
    <t>3.1</t>
  </si>
  <si>
    <t>absolvovali skúšku odbornej spôsobilosti typu S pre osoby poverené výkonom fyzickej ochrany a pátrania v zmysle § 19 ods. 1 písm. a) zák. č. 473/2005 Z. z. v znení neskorších predpisov alebo iného ekvivalentného predpisu a sú držiteľom preukazu odbornej spôsobilosti typu S podľa § 20 ods. 1 zák. č. 473/2005 Z. z. v znení neskorších predpisov alebo iného ekvivalentného dokladu podľa iného ekvivalentného predpisu,</t>
  </si>
  <si>
    <t>4.</t>
  </si>
  <si>
    <t>strážna služba musí byť počas výkonu služby zabezpečená jednou odborne spôsobilou osobou na výkon strážnej služby, ktorá bude v mene prevádzkovateľa zabezpečovať strážnu službu:</t>
  </si>
  <si>
    <t>4.1</t>
  </si>
  <si>
    <t>v pondelok až piatok, v dobe od 17.00 hod. do 07.00 hod.,</t>
  </si>
  <si>
    <t>4.2</t>
  </si>
  <si>
    <t>v sobotu, nedeľu, deň pracovného voľna, pokoja a v štátny sviatok v dobe od 00.00 hod. do 24.00 hod., t.j. nepretržite, pričom v čase od 07,00 hod. do 13,30 hod., od 13,30 do 17,00 zabezpečenie chodu recepcie a od 17,00 hod. do 07,00 hod. je poverená odborne spôsobilá osoba na výkon strážnej služby v mene prevádzkovateľa vykonávať obchôdzkovú činnosť v rámci celého objektu verejného obstarávateľa, a to tým spôsobom, že v nepravidelných intervaloch vykoná obchôdzku na všetkých poschodiach objektu, najmä priestorov prístupných verejnosti a taktiež priestorov nachádzajúcich sa pred objektom verejného obstarávateľa,</t>
  </si>
  <si>
    <t>4.3</t>
  </si>
  <si>
    <t>podľa požiadaviek verejného obstarávateľa aj nad rámec vymedzeného času uvedeného v bode 4.2,</t>
  </si>
  <si>
    <t>4.4</t>
  </si>
  <si>
    <t>vykonávať ochranu objektu v rovnošate s viditeľným vonkajším označením prevádzkovateľa,</t>
  </si>
  <si>
    <t>4.5</t>
  </si>
  <si>
    <t>zúčastňovať sa neodkladnej požiadavky službukonajúceho zdravotníckeho personálu alebo pracovníka Velína pri stave dezorientácie po narkóze so sprievodným javom agresívneho správania u pacienta a v prípade neprispôsobivého správania sa návštev, rodinných príslušníkov pacientov,</t>
  </si>
  <si>
    <t>4.6</t>
  </si>
  <si>
    <t>v prípade neprispôsobivého správania sa návštev, rodinných príslušníkov pacientov v priestoroch CPO a lôžkovej časti dbať na poriadok a bezpečnosť v uvedených priestoroch,</t>
  </si>
  <si>
    <t>4.7</t>
  </si>
  <si>
    <t>v prípade zistenia porušenia zákona o ochrane nefajčiarov v priestoroch objektu verejného obstarávateľa, zamedzí jeho ďalšiemu porušovaniu a vykonáva potrebné opatrenia,</t>
  </si>
  <si>
    <t>4.8</t>
  </si>
  <si>
    <t>kontrolovať vozidlá parkujúce v objekte verejného obstarávateľa a v prípade zistenia ich poškodenia, vlámania alebo krádeže kontaktovať pracovníka Velína,</t>
  </si>
  <si>
    <t>4.9</t>
  </si>
  <si>
    <t>v dňoch pracovného pokoja a štátnych sviatkov vykonávať kontrolnú a informačnú službu v priestoroch hlavného vstupu pre návštevy,</t>
  </si>
  <si>
    <t>4.10</t>
  </si>
  <si>
    <t>podľa potrieb a požiadaviek zabezpečiť urgentný nástup do služby (do 1 hodiny) mimo zmluvne dohodnutých požiadaviek,</t>
  </si>
  <si>
    <t>5.</t>
  </si>
  <si>
    <t>prevádzkovateľ musí zaručiť kvalitu poskytovanej strážnej služby počas celej doby trvania zmluvného vzťahu,</t>
  </si>
  <si>
    <t>6.</t>
  </si>
  <si>
    <t>verejný obstarávateľ požaduje, aby prevádzkovateľ sa zaviazal nahradiť škodu spôsobenú verejnému obstarávateľovi nesplnením si povinnosti osobami zodpovednými za výkon strážnej služby, alebo spôsobením škody úmyselne po predložení hodnoverného dokladu, alebo správy o vlastníctve alebo nájme odcudzenej, poškodenej alebo zničenej veci alebo škode spôsobenej na zdraví na zdokumentovanie udalosti a postup v súlade s platnou legislatívou a zmluvou uzatvorenou medzi uchádzačom a poisťovňou (poistná zmluva) bez prieťahov,</t>
  </si>
  <si>
    <t>7.</t>
  </si>
  <si>
    <t>zistené nedostatky služieb musia byť druhou stranou vždy písomne reklamované najneskôr do troch dní od ich zistenia,</t>
  </si>
  <si>
    <t>8.</t>
  </si>
  <si>
    <t>verejný obstarávateľ požaduje, aby v prípade potreby alebo požiadavky vedel prevádzkovateľ zvýšiť počet zamestnancov vo výkone strážnej služby na dohodnuté obdobie,</t>
  </si>
  <si>
    <t>9.</t>
  </si>
  <si>
    <t>pri vykonávaní ochrany osoby prevádzkovateľ, ako aj jeho zamestnanci sú povinní dbať na česť, vážnosť a dôstojnosť osoby verejného obstarávateľa i svoju vlastnú a nepripustiť, aby v súvislosti s touto ich činnosťou vznikla osobe bezdôvodná ujma a aby prípadný zásah do jej práv a slobôd neprekročil mieru nevyhnutnú na dosiahnutie účelu sledovaného ich činnosťou. Prevádkovateľ musí obsadzovať do strážnej služby v objekte verejného obstarávateľa takých zamestnancov, ktorí sú schopní samostatného inteligentného vystupovania, posilňujúcich priaznivý imidž verejného obstarávateľa, zodpovedných, ovládajúcich predpisy a požiadavky pre výkon strážnej služby a schopných zvládnuť aj neočakávané situácie na patričnej úrovni,</t>
  </si>
  <si>
    <t>10.</t>
  </si>
  <si>
    <t>prevádzkovateľ, ako aj jeho zamestnanci, sú povinní zachovávať mlčanlivosť o všetkých skutočnostiach, o ktorých sa dozvedia v súvislosti s poskytovaním služieb. Tejto povinnosti ich môže zbaviť iba verejný obstarávateľ. Oznamovacia povinnosť alebo povinnosť vypovedať podľa osobitných predpisov tým nie je dotknutá,</t>
  </si>
  <si>
    <t>11.</t>
  </si>
  <si>
    <t>zamestnanci prevádzkovateľa poverení výkonom fyzickej ochrany sú povinní nosiť  identifikačný preukaz, rovnošaty spoločnosti s označením príslušnosti k prevádzkovateľovi  a byť vybavení vecnými bezpečnostnými prostriedkami. Pri plnení úloh sú povinní mať viditeľne umiestnený identifikačný preukaz na ľavej strane v oblasti pŕs,</t>
  </si>
  <si>
    <t>12.</t>
  </si>
  <si>
    <t>prevádzkovateľ je povinný v súčinnosti  s verejným obstarávateľom najneskôr do 15 dní od účinnosti zmluvy vypracovať Zásady pre výkon strážnej služby, ktoré budú záväzné pre výkon jeho zamestnancov, a ktoré budú  modifikované podľa potreby a vývoja bezpečnostnej situácie v objekte</t>
  </si>
  <si>
    <t>13.</t>
  </si>
  <si>
    <t>prevádzkovateľ je povinný poskytnúť všetkým osobám,  ktoré budú vykonávať strážnu službu, pomôcky nevyhnutné pre výkon ich činnosti,</t>
  </si>
  <si>
    <t>14.</t>
  </si>
  <si>
    <t>pred nástupom výkonu činnosti je prevádzkovateľ povinný zabezpečiť účasť všetkých osôb,  ktoré budú vykonávať strážnu službu na školení týkajúceho sa bezpečnostných  smerníc verejného obstarávateľa a zabezpečiť, aby účastníci tohto školenia svojím vlastnoručným podpisom v zozname predloženom verejným obstarávateľom potvrdili svoju účasť na školení,</t>
  </si>
  <si>
    <t>15.</t>
  </si>
  <si>
    <r>
      <t>prevádzkovateľ je pri výkone svojej činnosti povinný dodržiavať hygienické predpisy, predpisy upravujúce bezpečnosť a ochranu zdravia pri práci a protipožiarne predpisy v zmysle zákona č.</t>
    </r>
    <r>
      <rPr>
        <sz val="11"/>
        <color rgb="FFFF0000"/>
        <rFont val="Times New Roman"/>
        <family val="1"/>
        <charset val="238"/>
      </rPr>
      <t xml:space="preserve"> </t>
    </r>
    <r>
      <rPr>
        <sz val="11"/>
        <rFont val="Times New Roman"/>
        <family val="1"/>
        <charset val="238"/>
      </rPr>
      <t>314/2001</t>
    </r>
    <r>
      <rPr>
        <sz val="11"/>
        <color rgb="FFFF0000"/>
        <rFont val="Times New Roman"/>
        <family val="1"/>
        <charset val="238"/>
      </rPr>
      <t xml:space="preserve"> </t>
    </r>
    <r>
      <rPr>
        <sz val="11"/>
        <rFont val="Times New Roman"/>
        <family val="1"/>
        <charset val="238"/>
      </rPr>
      <t>Z. z. o ochrane pred požiarmi v znení neskorších predpisov, s prihliadnutím na smernice a osobitné pokyny verejného obstarávateľa týkajúce sa hygieny, bezpečnosti a ochrany zdravia pri práci a požiarnej prevencii v mieste plnenia,</t>
    </r>
  </si>
  <si>
    <t>16.</t>
  </si>
  <si>
    <t>prevádzkovateľ je povinný viesť na stráženom stanovisku Knihu evidencie služieb, príp. iný druh evidencie v súlade s príslušnými právnymi predpismi a smernicou o výkone strážnej služby a v prípade požiadavky ju predložiť k nahliadnutiu poverenému zástupcovi verejného obstarávateľa.</t>
  </si>
  <si>
    <t>17.</t>
  </si>
  <si>
    <t>prevádzkovateľ je povinný prešetriť výhrady a nedostatky vznesené verejným obstarávateľom a podľa výsledkov šetrenia vykonať navrhnuté opatrenia voči konkrétnym osobám, ktoré budú vykonávať strážnu službu. Za odôvodnené výhrady, resp. nedostatky sa bude považovať najmä, avšak nielen: nečinnosť tam, kde je potrebné konať; konanie, ktoré je v rozpore s predmetom zákazky; konanie, ktoré vykazuje dôvodné znaky podozrenia zo spáchania priestupku, prečinu alebo trestného činu v súvislosti s výkonom strážnych služieb; porušenie povinnosti zachovávať mlčanlivosť; nedodržiavanie hygienických predpisov; predpisov bezpečnosti a ochrany zdravia pri práci a protipožiarnych predpisov,</t>
  </si>
  <si>
    <t>18.</t>
  </si>
  <si>
    <t>Položky predmetu zákazky</t>
  </si>
  <si>
    <t>Týmto potvrdzujem, že všetky uvedené informácie sú pravdivé.</t>
  </si>
  <si>
    <t>Obchodný názov uchádzača:</t>
  </si>
  <si>
    <t>Sídlo uchádzača:</t>
  </si>
  <si>
    <t>IČO:</t>
  </si>
  <si>
    <t>DIČ:</t>
  </si>
  <si>
    <t>Kontaktná osoba dodávateľa pre účely overenia si informácií týkajúcich sa technických parametrov ponúkaného produktu:</t>
  </si>
  <si>
    <t>Meno a priezvisko:</t>
  </si>
  <si>
    <t>Pracovné zaradenie:</t>
  </si>
  <si>
    <t>Telefónne číslo:</t>
  </si>
  <si>
    <t>E-mail:</t>
  </si>
  <si>
    <t>V:</t>
  </si>
  <si>
    <t>Dňa:</t>
  </si>
  <si>
    <t>Podpis a pečiatka:</t>
  </si>
  <si>
    <t>Meno a priezvisko oprávnenéj osoby na podpisovanie:</t>
  </si>
  <si>
    <t>Poznámka:</t>
  </si>
  <si>
    <t>- povinné údaje vyplní uchádzač</t>
  </si>
  <si>
    <t>prevádzkovateľ je pri výkone strážnej služby povinný v rámci prevencie predkladať písomné návrhy na opatrenia nevyhnutné k riadnemu zaisteniu poskytovaných služieb a predchádzať vzniku možných škôd pri výkone strážnej služby,</t>
  </si>
  <si>
    <r>
      <t xml:space="preserve">Uchádzač uvedie informácie, či ním ponúkaná služba spĺňa, resp. nespĺňa verejným obstarávateľom definované požiadavky na predmet zákazky 
</t>
    </r>
    <r>
      <rPr>
        <sz val="10"/>
        <color theme="1"/>
        <rFont val="Times New Roman"/>
        <family val="1"/>
        <charset val="238"/>
      </rPr>
      <t>(v prípade, ak ponúkaná služba nespĺňa definované požiadavky uvedie ekvivalentnú hodnotu ním ponúkaného produktu)</t>
    </r>
  </si>
  <si>
    <t>Ponuka a ďalšie doklady a dokumenty v tomto verejnom obstarávaní sa predkladajú v štátnom jazyku používanom na území Slovenskej republiky, t. j. v slovenskom jazyku a môžu sa predkladať aj v českom jazyku.</t>
  </si>
  <si>
    <t>Podľa § 28 ods. 1 písm. a) zákona o VO:</t>
  </si>
  <si>
    <t>1.1</t>
  </si>
  <si>
    <t xml:space="preserve"> Podľa § 28 ods. 1 písm. g) zákona o VO: </t>
  </si>
  <si>
    <t xml:space="preserve">2. </t>
  </si>
  <si>
    <t>2.1</t>
  </si>
  <si>
    <r>
      <rPr>
        <b/>
        <sz val="11"/>
        <rFont val="Times New Roman"/>
        <family val="1"/>
        <charset val="238"/>
      </rPr>
      <t>zoznam poskytovaných služieb, ktorým dodávateľ musí preukázať, že za predchádzajúce 3 roky minimálne 12 mesiacov nepretržite pravidelne vykonával strážnu službu k preukázateľnej spokojnosti odberateľa</t>
    </r>
    <r>
      <rPr>
        <sz val="11"/>
        <rFont val="Times New Roman"/>
        <family val="1"/>
        <charset val="238"/>
      </rPr>
      <t>, pričom strážna služba sa týkala neodkladnej pomoci pri stave dezorientácie pacientov po narkóze so sprievodným javom agresívneho správania u pacienta v zariadení poskytujúcom zdravotnú starostlivosť pacientom na lôžku,  (objednávateľ požaduje zoznam podpísať štatutárnym orgánom dodávateľa alebo ním splnomocneným zástupcom), (za predchádzajúce 3 roky sa pre účely tejto zákazky považujú 3 roky predchádzajúce dňu, ktorý je posledným dňom pred dňom lehoty na predkladanie ponúk),</t>
    </r>
  </si>
  <si>
    <t>2.2</t>
  </si>
  <si>
    <r>
      <rPr>
        <b/>
        <sz val="11"/>
        <rFont val="Times New Roman"/>
        <family val="1"/>
        <charset val="238"/>
      </rPr>
      <t>preukaz odbornej spôsobilosti typu S podľa § 20 ods. 1 zák. č. 473/2005 Z. z. v znení neskorších predpisov</t>
    </r>
    <r>
      <rPr>
        <sz val="11"/>
        <rFont val="Times New Roman"/>
        <family val="1"/>
        <charset val="238"/>
      </rPr>
      <t xml:space="preserve"> alebo iného ekvivalentného dokladu podľa iného ekvivalentného predpisu pre každú odborne spôsobilú osobu na výkon fyzickej ochrany uvedenú v predloženom zozname, a to v origináli alebo overenej fotokópii</t>
    </r>
  </si>
  <si>
    <t>2.3</t>
  </si>
  <si>
    <r>
      <rPr>
        <b/>
        <sz val="11"/>
        <rFont val="Times New Roman"/>
        <family val="1"/>
        <charset val="238"/>
      </rPr>
      <t>profesijný životopis každej odborne spôsobilej osoby na výkon fyzickej ochrany uvedenej v predloženom zozname</t>
    </r>
    <r>
      <rPr>
        <sz val="11"/>
        <rFont val="Times New Roman"/>
        <family val="1"/>
        <charset val="238"/>
      </rPr>
      <t>, z ktorého bude zrejmý druh a dĺžka praxe a typ režimového pracoviska  za uplynulé tri roky, a to v origináli alebo overenej fotokópii</t>
    </r>
  </si>
  <si>
    <r>
      <rPr>
        <b/>
        <sz val="11"/>
        <rFont val="Times New Roman"/>
        <family val="1"/>
        <charset val="238"/>
      </rPr>
      <t>doklad o absolvovaní odborného výcviku osobnej obrany každou odborne spôsobilou osobou na výkon fyzickej ochrany</t>
    </r>
    <r>
      <rPr>
        <sz val="11"/>
        <rFont val="Times New Roman"/>
        <family val="1"/>
        <charset val="238"/>
      </rPr>
      <t>, ktorá je uvedená v predloženom zozname, a to v origináli alebo overenej fotokópii</t>
    </r>
  </si>
  <si>
    <r>
      <rPr>
        <b/>
        <sz val="11"/>
        <rFont val="Times New Roman"/>
        <family val="1"/>
        <charset val="238"/>
      </rPr>
      <t>zoznam odborne spôsobilých osôb</t>
    </r>
    <r>
      <rPr>
        <sz val="11"/>
        <rFont val="Times New Roman"/>
        <family val="1"/>
        <charset val="238"/>
      </rPr>
      <t>, ktoré budú poverené výkonom ktoré budú poverené výkonom fyzickej ochrany u objednávateľa, ktorý bude podpísaný štatutárnym orgánom dodávateľa alebo ním splnomocneného zástupcu, ak k zoznamu bude predložený aj originál alebo overená fotokópia splnomocnenia na takýto úkon</t>
    </r>
  </si>
  <si>
    <t>2.4</t>
  </si>
  <si>
    <r>
      <rPr>
        <b/>
        <sz val="11"/>
        <rFont val="Times New Roman"/>
        <family val="1"/>
        <charset val="238"/>
      </rPr>
      <t>vyhlásenie</t>
    </r>
    <r>
      <rPr>
        <sz val="11"/>
        <rFont val="Times New Roman"/>
        <family val="1"/>
        <charset val="238"/>
      </rPr>
      <t xml:space="preserve"> </t>
    </r>
    <r>
      <rPr>
        <b/>
        <sz val="11"/>
        <rFont val="Times New Roman"/>
        <family val="1"/>
        <charset val="238"/>
      </rPr>
      <t>každej odborne spôsobilej osoby</t>
    </r>
    <r>
      <rPr>
        <sz val="11"/>
        <rFont val="Times New Roman"/>
        <family val="1"/>
        <charset val="238"/>
      </rPr>
      <t xml:space="preserve"> na výkon fyzickej ochrany, ktorá je uvedená v predloženom zozname, </t>
    </r>
    <r>
      <rPr>
        <b/>
        <sz val="11"/>
        <rFont val="Times New Roman"/>
        <family val="1"/>
        <charset val="238"/>
      </rPr>
      <t>že bude objednávateľovi k dispozícii na plnenie zmluvy pre objednávateľa</t>
    </r>
    <r>
      <rPr>
        <sz val="11"/>
        <rFont val="Times New Roman"/>
        <family val="1"/>
        <charset val="238"/>
      </rPr>
      <t>, a to v origináli alebo overenej fotokópii.</t>
    </r>
  </si>
  <si>
    <t>2.5</t>
  </si>
  <si>
    <t>Podľa § 28 ods. 1 písm. k) zákona o VO - v prípade, ak má dodávateľ v úmysle zadať podiel zákazky tretím osobám (ak dodávateľ nemá v úmysle zadať podiel zákazky tretím osobám Vyhlásenie nepredkladá):</t>
  </si>
  <si>
    <t xml:space="preserve">Vyhlásenie uchádzača o podiele zákazky, ktorý má v úmysle zadať tretím osobám a o navrhovaných subdodávateľoch s uvedením informácií:
a)  o výške podielu zákazky, ktorý má v úmysle zadať tretím osobám,
b)  o navrhovaných subdodávateľoch, v min. rozsahu meno a priezvisko, obchodné meno alebo názov, adresa pobytu alebo sídlo, identifikačné číslo alebo dátum narodenia, ak nebolo pridelené identifikačné číslo,
c)  predmety subdodávok.
</t>
  </si>
  <si>
    <t>Čestné vyhlásenie, že každý subdodávateľ spĺňa alebo najneskôr v čase plnenia bude spĺňať podmienky podľa § 26 ods. 1 zákona o VO</t>
  </si>
  <si>
    <t>Písomná Zmluva uzavretá so subdodávateľom, platnú k poslednému dňu lehoty na predkladanie ponúk, obsahujúcu záväzok subdodávateľa, že bude k dispozícií uchádzačovi na plnenie predmetu zákazky počas celej doby jej realizácie</t>
  </si>
  <si>
    <t>3.2</t>
  </si>
  <si>
    <t>3.3</t>
  </si>
  <si>
    <r>
      <rPr>
        <b/>
        <sz val="11"/>
        <rFont val="Times New Roman"/>
        <family val="1"/>
        <charset val="238"/>
      </rPr>
      <t>Originál alebo overená fotokópia licencie na prevádzkovanie bezpečnostnej služby v zmysle zák. č. 473/2005 Z.</t>
    </r>
    <r>
      <rPr>
        <sz val="11"/>
        <rFont val="Times New Roman"/>
        <family val="1"/>
        <charset val="238"/>
      </rPr>
      <t xml:space="preserve"> z. v znení neskorších predpisov alebo iného ekvivalentného predpisu</t>
    </r>
  </si>
  <si>
    <t>Potvrdenia, doklady a iné dokumenty tvoriace ponuku, požadované vo Výzve na predkladanie ponúk prostredníctvom ktorého bude vyhlásená táto zákazka, uchádzač v ponuke predloží vo formáte .pdf, pokiaľ nie je určené inak a to vložením požadovaných dokladov a dokumentov v systéme JOSEPHINE</t>
  </si>
  <si>
    <t xml:space="preserve">A. OSOBITNÉ POŽIADAVKY NA PLNENIE – DOKLADY, ktoré je dodávateľ povinný predložiť objednávateľovi vo Výzve na predkladanie ponúk na preukázanie splnenia osobitných požiadaviek na plnenie, všetkých kvalifikačných, odborných, technických a iných predpokladov pre riadne plnenie predmetu zákazky. </t>
  </si>
  <si>
    <t>hodnota ponúkanej ekvivalentnej služby</t>
  </si>
  <si>
    <t>B. OSOBITNÉ ZMLUVNÉ POŽIADAVKY NA PREDMET ZÁKAZKY - nesplnenie ktorejkoľvek osobitnej zmluvnej požiadavky na predmet zákazky bude objednávateľ považovať za podstatné porušenie zmluvných povinností poskytovateľa.</t>
  </si>
  <si>
    <t xml:space="preserve">Požaduje sa uzatvorenie zmluvy na obdobie dvanásť (12) kalendárnych mesiacov odo dňa nadobudnutia účinnosti zmluvy. </t>
  </si>
  <si>
    <t>Požaduje sa poskytovať službu v súlade so Špecifikáciou predmetu zákazky.</t>
  </si>
  <si>
    <t xml:space="preserve">Požaduje sa poskytovanie služieb v najvyššej dostupnej kvalite tak, aby vyhovovali potrebám objednávateľa, a to počas celej doby trvania zmluvného vzťahu. </t>
  </si>
  <si>
    <t>Objednávateľ sa zaväzuje vytvoriť zamestnancom poskytovateľa, ktorí sa budú podieľať na výkone poskytovaných služieb  v súlade s predmetom tejto zmluvy také podmienky, aby požadované služby mohli byť poskytované bez nedostatkov, t.j. poskytnúť im služobný priestor, priestor na prezliekanie (šatňu, skrinku), poskytnúť im informácie, kľúče pre prípad mimoriadnej udalosti, ďalšie materiály a pod., a zabezpečiť prístup pracovníkov poskytovateľa k  sociálnym zariadeniam. Taktiež je povinný vyčleniť zodpovedného zamestnanca, ktorý je oprávnený vykonávať kontrolu výkonu poskytovaných služieb a dávať pracovníkom poskytovateľa záväzné pokyny vo vzťahu k výkonu  týchto poskytovaných služieb. Zmluvné strany si zodpovedných zamestnancov oznámia bezodkladne po uzatvorení zmluvy.</t>
  </si>
  <si>
    <t>Zistené nedostatky služieb musia byť druhou stranou vždy písomne reklamované najneskôr do troch (3) dní od ich zistenia.</t>
  </si>
  <si>
    <t>Poskytovateľ je povinný v prípade požiadavky objednávateľa poskytnúť objektovú, majetkovú alebo osobnú ochranu určeným objektom a majetku vo vlastníctve objednávateľa služieb alebo osobám neuvedeným v tejto zmluve.</t>
  </si>
  <si>
    <t>Poskytovateľ zabezpečuje výkon fyzickej ochrany len odborne spôsobilými osobami, ktoré spĺňajú podmienky zákona č. 473/2005 Z. z. a úspešne absolvovali skúšku odbornej spôsobilosti.  Zoznam odborne spôsobilých osôb na výkon strážnej služby, ktoré budú v mene prevádzkovateľa zabezpečovať plnenie predmetu tejto zmluvy u objednávateľa, je poskytovateľ povinný oznámiť objednávateľovi bezodkladne po uzatvorení zmluvy, a to formou písomnej prílohy k zmluve (Zoznam odborne spôsobilých osôb). Ak poskytovateľ zmení, resp. doplní novú odborne spôsobilú osobu je povinný najneskôr v deň,  ktorý predchádza dňu účinnosti zmeny, aktualizovať znenie prílohy zmluvy – Zoznam odborne spôsobilých osôb a doručiť ju objednávateľovi spolu s písomným oznámením, v ktorom uvedie všetky podrobnosti týkajúce sa zmeny resp. doplnenia novej odborne spôsobilej osoby, pričom účastníci zmluvy sa  zároveň výslovne dohodli, že pre prijatie zmeny, resp. doplnenie novej odborne spôsobilej osoby sa nevyžaduje uzavretie samostatného písomného dodatku. Nedodržanie povinností stanovených poskytovateľovi týmto ustanovením zmluvy sa považuje za podstatné porušenie zmluvných podmienok poskytovateľom a zakladá právo objednávateľa vypovedať túto zmluvu s 1-mesačnou výpovednou lehotou. Poskytovateľ je zároveň povinný nahradiť škodu, ktorá vznikla objednávateľovi porušením tejto povinnosti.</t>
  </si>
  <si>
    <t>Zmluvné strany sa dohodli, že všetky požiadavky i výhrady k výkonu činnosti poskytovateľa operatívne riešia určení zodpovední zamestnanci oboch zmluvných strán.</t>
  </si>
  <si>
    <t>Objednávateľ je oprávnený určenými osobami vykonávať kontrolu kvality výkonu strážnej služby, vrátane kontroly na požívanie alkoholických nápojov. O zistených nedostatkoch bude neodkladne písomne informovať poskytovateľa. Po prerokovaní s objednávateľom poskytovateľ zabezpečí výmenu zamestnanca vykonávajúceho strážnu službu v prípade neplnenia alebo porušenia povinnosti pri výkone strážnej služby.</t>
  </si>
  <si>
    <t xml:space="preserve">Poskytovateľ je povinný mať uzavretú poistnú zmluvu zo zodpovednosti za škodu spôsobenú výkonom jeho činnosti, pričom trvanie poistenia musí byť viazané na trvanie zmluvného vzťahu založeného touto zmluvou. Poistné krytie poskytovateľa (poistná suma) musí byť uzavretá minimálne vo výške ročnej ceny služby na jednu a všetky poistné udalosti počas poistenej doby. Poskytovateľ je povinný preukázať Objednávateľovi existenciu platnej poistnej zmluvy bezprostredne pred uzavretím tejto zmluvy, a to predložením jej kópie alebo poistného certifikátu. </t>
  </si>
  <si>
    <t>Požaduje sa, aby cena za službu bola dohodnutá v súlade so zákonom č. 18/1996 Z. z. o cenách a vyhláškou MF SR č. 87/1996 Z. z. a bola maximálna a záväzná počas platnosti tejto zmluvy.</t>
  </si>
  <si>
    <t>Požaduje sa platbu za plnenie realizovať bezhotovostným platobným stykom na základe faktúry doručenej poskytovateľom. Poskytovateľ vystaví faktúru za plnenie služby v súlade s ustanovením § 73 zákona č. 222/2004 Z. z. o dani z pridanej hodnoty v znení neskorších predpisov (ďalej len „zákon o DPH“), najneskôr však do piateho (5) pracovného dňa v kalendárnom mesiaci, nasledujúcom po mesiaci, v ktorom došlo k poskytnutiu servisnej starostlivosti.</t>
  </si>
  <si>
    <t>Požaduje sa dohodnutie odmeny v súlade so zákonom č. 18/1996 Z. z. o cenách v znení neskorších predpisov a vyhláškou č. 87/1996 Z. z., ktorou sa vykonáva zákon č. 18/1996 Z. z. o cenách, ako cena za vykonávanie servisnej starostlivosti, pričom bude maximálnou a záväznou počas platnosti uzatvorenej zmluvy.</t>
  </si>
  <si>
    <t xml:space="preserve">Požaduje sa platbu za plnenie realizovať bezhotovostným platobným stykom na základe faktúry doručenej poskytovateľom. </t>
  </si>
  <si>
    <t>19.</t>
  </si>
  <si>
    <t>20.</t>
  </si>
  <si>
    <t>21.</t>
  </si>
  <si>
    <t>22.</t>
  </si>
  <si>
    <t>23.</t>
  </si>
  <si>
    <t>24.</t>
  </si>
  <si>
    <t>25.</t>
  </si>
  <si>
    <t>26.</t>
  </si>
  <si>
    <t>27.</t>
  </si>
  <si>
    <t>28.</t>
  </si>
  <si>
    <t>29.</t>
  </si>
  <si>
    <t>30.</t>
  </si>
  <si>
    <t>Poskytovateľ vystaví faktúru za plnenie služby v súlade s ustanovením § 73 zákona č. 222/2004 Z. z. o dani z pridanej hodnoty v znení neskorších predpisov (ďalej len „zákon o DPH“), najneskôr však do piateho (5) pracovného dňa v kalendárnom mesiaci, nasledujúcom po mesiaci, v ktorom došlo k poskytnutiu servisnej starostlivosti.</t>
  </si>
  <si>
    <t>Požaduje sa, aby poskytovateľ vystavoval faktúry so splatnosťou do šesťdesiatich (60) kalendárnych  dní odo dňa jej doručenia objednávateľovi (§340b ods. 5 zákona č. 513/1991 Z. z. Obchodný zákonník). Povinnou prílohou faktúry bude objednávateľom potvrdený mesačný výkaz odpracovaných osobohodín. Mesačný výkaz odpracovaných osobohodín je poskytovateľ povinný predložiť objednávateľovi najneskôr do 3. kalendárneho dňa nasledujúceho kalendárneho mesiaca za účelom odsúhlasenia vykázaných odpracovanými osobohodín. Bez udelenia súhlasu objednávateľa nevznikne poskytovateľovi nárok na vyplatenie dohodnutej ceny za služby, ak sa zmluvné strany nedohodnú inak.</t>
  </si>
  <si>
    <t>Faktúry musia mať náležitosti daňového dokladu v zmysle zákona č. 222/2004 Z. z. o dani z pridanej hodnoty a musia obsahovať číslo tejto zmluvy. Povinnou prílohou faktúry je Pracovný výkaz za služby vykonané v príslušnom fakturačnom období. V prípade, že faktúra nebude obsahovať uvedené náležitosti alebo povinné prílohy, objednávateľ je oprávnený vrátiť ju poskytovateľovi na opravu alebo doplnenie. V takom prípade nová lehota splatnosti faktúry začne plynúť až doručením opravenej, resp. doplnenej faktúry objednávateľovi.</t>
  </si>
  <si>
    <t>Požaduje sa, aby poskytovateľ zaslal faktúru elektronicky na e-mailovú adresu podatelna@vusch.sk. Za deň splnenia peňažného záväzku sa považuje deň odpísania dlžnej sumy z účtu objednávateľa v prospech účtu poskytovateľa.</t>
  </si>
  <si>
    <t xml:space="preserve">Požaduje sa, aby poskytovateľ mal počas trvania tejto zmluvy uzatvorenú zmluvu o poistení zodpovednosti za škodu spôsobenú v súvislosti s poskytovaním služieb servisnej starostlivosti podľa tejto zmluvy s poistným krytím minimálne vo výške zmluvnej ceny za služby servisnej starostlivosti. </t>
  </si>
  <si>
    <t>Požaduje sa, aby výsledná cena predmetu zákazky ponúknutá poskytovateľom bola v súlade s aktuálne (t. j. v čase lehoty na predkladanie ponúk) obvyklou trhovou cenou predmetu zákazky.</t>
  </si>
  <si>
    <t xml:space="preserve">Požaduje sa možnosť uplatnenia si náhradu škody u poskytovateľa vo výške vzniknutého finančného rozdielu výslednej ceny predmetu zákazky a obvyklej trhovej ceny predmetu zákazky v prípade nedodržania požiadavky uvedenej v bode 24. tejto časti. </t>
  </si>
  <si>
    <t xml:space="preserve">Zmluvné strany sa dohodli, že v prípade zmien miery inflácie podľa oficiálnych údajov Štatistického úradu SR a/alebo v prípade zvýšenia nákladov poskytovateľa z dôvodov vyplývajúcich z legislatívnych zmien pracovnoprávnych predpisov (najmä: zvýšenie minimálnej mzdy, zvýšenie povinných príplatkov  za nočnú prácu, prácu nadčas, zvýšenie príspevku na stravovanie, zavedenie povinných príspevkov na iné zamestnanecké benefity...) budú zmluvné strany rokovať o zvýšení cien služieb poskytovateľa, resp. o zvýšení počtu zamestnancov vykonávajúcich predmet zmluvy, výsledkom čoho bude uzatvorenie dodatku k tejto zmluve. </t>
  </si>
  <si>
    <t>V prípade nedodržania dohodnutého termínu poskytnutia služby poskytovateľom, je objednávateľ oprávnený poskytovateľovi účtovať zmluvnú pokutu vo výške 50,-€ (slovom: päťdesiat Eur) za každý deň omeškania z ceny objednanej služby.</t>
  </si>
  <si>
    <t>Ak je objednávateľ v omeškaní so splnením svojho peňažného záväzku podľa uzatvorenej zmluvy, je poskytovateľ oprávnený účtovať objednávateľovi úrok z omeškania vo výške 0,04 % z nezaplatenej sumy za každý deň omeškania.</t>
  </si>
  <si>
    <t>Počas platnosti a účinnosti tejto zmluvy poskytovateľ nie je oprávnený (teda nesmie) svoje poskytovateľské práva na predmet zmluvy, ktoré mu vyplývajú zo zmluvného vzťahu uzavretého na základe výsledku verejného obstarávania s objednávateľom, preniesť na iného poskytovateľa alebo odstúpiť inému poskytovateľovi.</t>
  </si>
  <si>
    <t>Objednávateľ je oprávnený od zmluvy odstúpiť v prípade, ak zamestnanci poskytovateľa zjavným spôsobom porušujú pracovnú disciplínu, zásady bezpečnosti práce a ochrany zdravia, resp. iné dohodnuté podmienky. Odstúpenie od zmluvy je účinné dňom doručenia písomného odstúpenia od zmluvy poskytovateľovi a týmto dňom zmluva zaniká.</t>
  </si>
  <si>
    <t>Zmluvné strany sa dohodli, že sú zbavené zodpovednosti za čiastočné alebo úplné neplnenie zmluvných povinností podľa tohto zmluvného vzťahu v prípade, že toto neplnenie je v dôsledku vyššej moci. Pre účely tohto zmluvného vzťahu sa za vyššiu moc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vyššiu moc, je povinná to oznámiť druhej zmluvnej strane najneskôr do 5 (piatich) kalendárnych dní od vzniku tejto skutočnosti a môže požiadať o prípadnú úpravu podmienok zmluvy. Na požiadanie zmluvnej strany, ktorej boli avizované okolnosti vyššej moci, je povinný oznamovateľ predložiť hodnoverný dôkaz. ak nedôjde k dohode, má zmluvná strana, ktorá sa odvolala na vyššiu moc, právo odstúpiť od tejto zmluvy. Účinky odstúpenia nastanú dňom doručenia oznámenia druhej zmluvnej strane.</t>
  </si>
  <si>
    <t>V prípade, ak sa po uzatvorení zmluvy preukáže, že na relevantnom trhu existuje nižšia cena za rovnaké alebo porovnateľné plnenie ako je obsiahnuté v uzavretej zmluve a poskytovateľ už preukázateľne v minulosti za takúto nižšiu cenu plnenie poskytol, resp. ešte stále poskytuje, pričom rozdiel medzi nižšou cenou a cenou podľa uzatvorenej zmluvy je viac ako 5% v neprospech ceny podľa zmluvy, zaväzuje sa poskytovateľ poskytnúť objednávateľovi pre takéto plnenie objednané po preukázaní tejto skutočnosti dodatočnú zľavu vo výške rozdielu medzi ním poskytovanou cenou podľa tejto zmluvy a nižšou cenou.</t>
  </si>
  <si>
    <t>Poskytovateľ je povinný bezodkladne, najneskôr však do piatich (5) pracovných dní od zistenia nižšej ceny podľa bodu 28., doručiť objednávateľovi dodatok, predmetom ktorého bude upravená cena zistená postupom podľa bodu 28. V prípade, ak v uvedenej lehote nebude dodatok objednávateľovi doručený, vyhradzuje si objednávateľ právo zmluvu vypovedať s výpovednou lehotou jeden (1) mesiac. Výpovedná doba začína plynúť od prvého dňa kalendárneho mesiaca nasledujúceho po doručení výpovede a skončí sa uplynutím posledného dňa príslušného kalendárneho mesiaca.</t>
  </si>
  <si>
    <t xml:space="preserve">Zmluvné strany sa dohodli, že pohľadávky, ktoré vzniknú poskytovateľovi z tohto zmluvného vzťahu, poskyto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 </t>
  </si>
  <si>
    <t>31.</t>
  </si>
  <si>
    <t>32.</t>
  </si>
  <si>
    <t>Poskytovateľ je povinný pri výkone strážnej služby v rámci prevencie predkladať písomné návrhy na opatrenia nevyhnutné na predchádzanie vzniku škody a nahradiť objednávateľovi škodu spôsobenú objednávateľovi nesplnením si povinnosti osobami zodpovednými za výkon strážnej služby, alebo spôsobením škody úmyselne po predložení hodnoverného dokladu, alebo správy o vlastníctve alebo nájme odcudzenej, poškodenej alebo zničenej veci alebo škode spôsobenej na zdraví na zdokumentovanie udalosti a postup v súlade s platnou legislatívou a zmluvou uzatvorenou medzi poskytovateľom a poisťovňou bez prieťahov.</t>
  </si>
  <si>
    <t>Objednávateľ pri zistení škody, ktorá vznikla počas výkonu služby poskytovateľa, je povinný túto skutočnosť bezodkladne ohlásiť príslušnému oddeleniu PZ SR a zároveň o tejto skutočnosti informovať i poskytovateľa. Výsledok šetrenia je východiskovým podkladom pre uplatňovanie škody.</t>
  </si>
  <si>
    <t>33.</t>
  </si>
  <si>
    <t>34.</t>
  </si>
  <si>
    <t>34.1</t>
  </si>
  <si>
    <t>34.2</t>
  </si>
  <si>
    <t xml:space="preserve">Zmluvné strany sa zaväzujú oznámiť si navzájom akékoľvek zmeny údajov dôležitých pre bezproblémové plnenie zmluvy. </t>
  </si>
  <si>
    <t xml:space="preserve">Poskytovateľ sa zaväzuje, že: </t>
  </si>
  <si>
    <t>nevyužije akékoľvek informácie, ktoré zistí alebo s prihliadnutím na okolnosti by mohol zistiť pri plnení predmetu tejto zmluvy vo svoj prospech, ani v prospech tretích osôb, počas trvania tohto zmluvného vzťahu, a ani po ukončení platnosti tejto zmluvy,</t>
  </si>
  <si>
    <t>informácie a podklady poskytnuté objednávateľom alebo tretími osobami pre plnenie   predmetu tejto zmluvy nepoužije na iný účel ako je plnenie tejto zmluvy.</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35.</t>
  </si>
  <si>
    <t>36.</t>
  </si>
  <si>
    <t>37.</t>
  </si>
  <si>
    <t>Poskyto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tejto zmluvy. Zároveň je povinný o tejto povinnosti preukázateľne poučiť aj svojich zamestnancov.</t>
  </si>
  <si>
    <t>36.1</t>
  </si>
  <si>
    <t>Povinnosť zachovávať mlčanlivosť platí aj po skončení trvania zmluvy. V opačnom prípade  objednávateľovi zodpovedá za škodu, ktorá objednávateľovi vznikla porušením tejto povinnosti.</t>
  </si>
  <si>
    <t>Požaduje sa, aby sa poskytovateľ po uzatvorení zmluvy oboznámil s Etickým kódexom obchodných partnerov objednávateľa zverejnenom na webovom sídle objednávateľa.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Vám bude písomná výpoveď doručená a skončí sa posledným kalendárnym dňom príslušného mesiaca.</t>
  </si>
  <si>
    <r>
      <rPr>
        <b/>
        <sz val="11"/>
        <rFont val="Times New Roman"/>
        <family val="1"/>
        <charset val="238"/>
      </rPr>
      <t>Platná poistná zmluva</t>
    </r>
    <r>
      <rPr>
        <sz val="11"/>
        <rFont val="Times New Roman"/>
        <family val="1"/>
        <charset val="238"/>
      </rPr>
      <t xml:space="preserve"> týkajúca sa poistenia zodpovednosti za škodu pri výkone strážnej služby pre objednávateľa v zmysle ust. § 420a Občianskeho zákonníka s poistným plnením minimálne vo výške ročnej ceny služby na jednu a všetky poistné udalosti počas poistenej doby.</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b/>
      <sz val="11"/>
      <color theme="1"/>
      <name val="Calibri"/>
      <family val="2"/>
      <charset val="238"/>
      <scheme val="minor"/>
    </font>
    <font>
      <sz val="11"/>
      <color theme="1"/>
      <name val="Times New Roman"/>
      <family val="1"/>
      <charset val="238"/>
    </font>
    <font>
      <b/>
      <sz val="11"/>
      <name val="Times New Roman"/>
      <family val="1"/>
      <charset val="238"/>
    </font>
    <font>
      <b/>
      <sz val="14"/>
      <color theme="1"/>
      <name val="Times New Roman"/>
      <family val="1"/>
      <charset val="238"/>
    </font>
    <font>
      <sz val="10"/>
      <name val="Arial"/>
      <family val="2"/>
      <charset val="238"/>
    </font>
    <font>
      <b/>
      <sz val="10"/>
      <color theme="1"/>
      <name val="Times New Roman"/>
      <family val="1"/>
      <charset val="238"/>
    </font>
    <font>
      <sz val="10"/>
      <color theme="1"/>
      <name val="Times New Roman"/>
      <family val="1"/>
      <charset val="238"/>
    </font>
    <font>
      <sz val="11"/>
      <name val="Times New Roman"/>
      <family val="1"/>
      <charset val="238"/>
    </font>
    <font>
      <sz val="11"/>
      <color rgb="FFFF0000"/>
      <name val="Times New Roman"/>
      <family val="1"/>
      <charset val="238"/>
    </font>
    <font>
      <b/>
      <sz val="11"/>
      <color theme="1"/>
      <name val="Times New Roman"/>
      <family val="1"/>
      <charset val="238"/>
    </font>
    <font>
      <sz val="8"/>
      <color theme="1"/>
      <name val="Times New Roman"/>
      <family val="1"/>
      <charset val="238"/>
    </font>
    <font>
      <b/>
      <sz val="8"/>
      <color theme="1"/>
      <name val="Times New Roman"/>
      <family val="1"/>
      <charset val="238"/>
    </font>
  </fonts>
  <fills count="4">
    <fill>
      <patternFill patternType="none"/>
    </fill>
    <fill>
      <patternFill patternType="gray125"/>
    </fill>
    <fill>
      <patternFill patternType="solid">
        <fgColor theme="7" tint="0.79998168889431442"/>
        <bgColor indexed="64"/>
      </patternFill>
    </fill>
    <fill>
      <patternFill patternType="solid">
        <fgColor theme="0" tint="-4.9989318521683403E-2"/>
        <bgColor indexed="64"/>
      </patternFill>
    </fill>
  </fills>
  <borders count="48">
    <border>
      <left/>
      <right/>
      <top/>
      <bottom/>
      <diagonal/>
    </border>
    <border>
      <left style="medium">
        <color auto="1"/>
      </left>
      <right/>
      <top style="medium">
        <color auto="1"/>
      </top>
      <bottom/>
      <diagonal/>
    </border>
    <border>
      <left/>
      <right/>
      <top style="medium">
        <color indexed="64"/>
      </top>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style="thin">
        <color auto="1"/>
      </left>
      <right style="dotted">
        <color auto="1"/>
      </right>
      <top style="dotted">
        <color auto="1"/>
      </top>
      <bottom style="medium">
        <color auto="1"/>
      </bottom>
      <diagonal/>
    </border>
    <border>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indexed="64"/>
      </right>
      <top style="thin">
        <color indexed="64"/>
      </top>
      <bottom style="thin">
        <color indexed="64"/>
      </bottom>
      <diagonal/>
    </border>
    <border>
      <left style="thin">
        <color auto="1"/>
      </left>
      <right style="thin">
        <color auto="1"/>
      </right>
      <top style="dotted">
        <color auto="1"/>
      </top>
      <bottom style="dotted">
        <color auto="1"/>
      </bottom>
      <diagonal/>
    </border>
    <border>
      <left style="thin">
        <color auto="1"/>
      </left>
      <right style="dotted">
        <color auto="1"/>
      </right>
      <top style="thin">
        <color auto="1"/>
      </top>
      <bottom style="thin">
        <color auto="1"/>
      </bottom>
      <diagonal/>
    </border>
    <border>
      <left style="dotted">
        <color auto="1"/>
      </left>
      <right style="dotted">
        <color auto="1"/>
      </right>
      <top style="thin">
        <color auto="1"/>
      </top>
      <bottom style="thin">
        <color auto="1"/>
      </bottom>
      <diagonal/>
    </border>
    <border>
      <left style="thin">
        <color auto="1"/>
      </left>
      <right style="dotted">
        <color auto="1"/>
      </right>
      <top style="thin">
        <color auto="1"/>
      </top>
      <bottom style="dotted">
        <color auto="1"/>
      </bottom>
      <diagonal/>
    </border>
    <border>
      <left style="dotted">
        <color auto="1"/>
      </left>
      <right style="thin">
        <color auto="1"/>
      </right>
      <top style="thin">
        <color auto="1"/>
      </top>
      <bottom style="dotted">
        <color auto="1"/>
      </bottom>
      <diagonal/>
    </border>
    <border>
      <left style="thin">
        <color auto="1"/>
      </left>
      <right style="dotted">
        <color auto="1"/>
      </right>
      <top style="dotted">
        <color auto="1"/>
      </top>
      <bottom style="dotted">
        <color auto="1"/>
      </bottom>
      <diagonal/>
    </border>
    <border>
      <left style="dotted">
        <color auto="1"/>
      </left>
      <right style="thin">
        <color auto="1"/>
      </right>
      <top style="dotted">
        <color auto="1"/>
      </top>
      <bottom style="dotted">
        <color auto="1"/>
      </bottom>
      <diagonal/>
    </border>
    <border>
      <left style="thin">
        <color auto="1"/>
      </left>
      <right/>
      <top/>
      <bottom style="dotted">
        <color auto="1"/>
      </bottom>
      <diagonal/>
    </border>
    <border>
      <left/>
      <right/>
      <top/>
      <bottom style="dotted">
        <color auto="1"/>
      </bottom>
      <diagonal/>
    </border>
    <border>
      <left/>
      <right style="thin">
        <color auto="1"/>
      </right>
      <top/>
      <bottom style="dotted">
        <color auto="1"/>
      </bottom>
      <diagonal/>
    </border>
    <border>
      <left style="dotted">
        <color auto="1"/>
      </left>
      <right/>
      <top style="dotted">
        <color auto="1"/>
      </top>
      <bottom style="dotted">
        <color auto="1"/>
      </bottom>
      <diagonal/>
    </border>
    <border>
      <left/>
      <right/>
      <top style="dotted">
        <color auto="1"/>
      </top>
      <bottom style="dotted">
        <color auto="1"/>
      </bottom>
      <diagonal/>
    </border>
    <border>
      <left/>
      <right style="thin">
        <color auto="1"/>
      </right>
      <top style="dotted">
        <color auto="1"/>
      </top>
      <bottom style="dotted">
        <color auto="1"/>
      </bottom>
      <diagonal/>
    </border>
    <border>
      <left style="thin">
        <color auto="1"/>
      </left>
      <right style="dotted">
        <color auto="1"/>
      </right>
      <top/>
      <bottom style="dotted">
        <color auto="1"/>
      </bottom>
      <diagonal/>
    </border>
    <border>
      <left style="dotted">
        <color auto="1"/>
      </left>
      <right style="dotted">
        <color auto="1"/>
      </right>
      <top/>
      <bottom style="dotted">
        <color auto="1"/>
      </bottom>
      <diagonal/>
    </border>
    <border>
      <left style="thin">
        <color auto="1"/>
      </left>
      <right style="dotted">
        <color auto="1"/>
      </right>
      <top style="dotted">
        <color auto="1"/>
      </top>
      <bottom style="thin">
        <color auto="1"/>
      </bottom>
      <diagonal/>
    </border>
    <border>
      <left style="dotted">
        <color auto="1"/>
      </left>
      <right/>
      <top style="dotted">
        <color auto="1"/>
      </top>
      <bottom style="thin">
        <color auto="1"/>
      </bottom>
      <diagonal/>
    </border>
    <border>
      <left/>
      <right/>
      <top style="dotted">
        <color auto="1"/>
      </top>
      <bottom style="thin">
        <color auto="1"/>
      </bottom>
      <diagonal/>
    </border>
    <border>
      <left/>
      <right style="thin">
        <color auto="1"/>
      </right>
      <top style="dotted">
        <color auto="1"/>
      </top>
      <bottom style="thin">
        <color auto="1"/>
      </bottom>
      <diagonal/>
    </border>
    <border>
      <left style="medium">
        <color auto="1"/>
      </left>
      <right style="thin">
        <color auto="1"/>
      </right>
      <top style="thin">
        <color auto="1"/>
      </top>
      <bottom style="thin">
        <color auto="1"/>
      </bottom>
      <diagonal/>
    </border>
    <border>
      <left style="dotted">
        <color auto="1"/>
      </left>
      <right style="thin">
        <color auto="1"/>
      </right>
      <top style="dotted">
        <color auto="1"/>
      </top>
      <bottom style="thin">
        <color indexed="64"/>
      </bottom>
      <diagonal/>
    </border>
    <border>
      <left style="thin">
        <color auto="1"/>
      </left>
      <right style="thin">
        <color auto="1"/>
      </right>
      <top style="thin">
        <color auto="1"/>
      </top>
      <bottom style="thin">
        <color auto="1"/>
      </bottom>
      <diagonal/>
    </border>
    <border>
      <left/>
      <right/>
      <top style="dotted">
        <color auto="1"/>
      </top>
      <bottom/>
      <diagonal/>
    </border>
    <border>
      <left/>
      <right/>
      <top style="thin">
        <color auto="1"/>
      </top>
      <bottom/>
      <diagonal/>
    </border>
    <border>
      <left/>
      <right/>
      <top/>
      <bottom style="thin">
        <color auto="1"/>
      </bottom>
      <diagonal/>
    </border>
    <border>
      <left style="thin">
        <color auto="1"/>
      </left>
      <right/>
      <top style="thin">
        <color auto="1"/>
      </top>
      <bottom/>
      <diagonal/>
    </border>
    <border>
      <left style="thin">
        <color auto="1"/>
      </left>
      <right/>
      <top/>
      <bottom style="thin">
        <color auto="1"/>
      </bottom>
      <diagonal/>
    </border>
    <border>
      <left/>
      <right style="thin">
        <color auto="1"/>
      </right>
      <top style="thin">
        <color auto="1"/>
      </top>
      <bottom/>
      <diagonal/>
    </border>
    <border>
      <left style="thin">
        <color auto="1"/>
      </left>
      <right style="thin">
        <color auto="1"/>
      </right>
      <top/>
      <bottom style="dotted">
        <color auto="1"/>
      </bottom>
      <diagonal/>
    </border>
    <border>
      <left style="dotted">
        <color auto="1"/>
      </left>
      <right style="thin">
        <color auto="1"/>
      </right>
      <top/>
      <bottom style="dotted">
        <color auto="1"/>
      </bottom>
      <diagonal/>
    </border>
    <border>
      <left/>
      <right style="thin">
        <color auto="1"/>
      </right>
      <top/>
      <bottom style="thin">
        <color indexed="64"/>
      </bottom>
      <diagonal/>
    </border>
    <border>
      <left style="thin">
        <color auto="1"/>
      </left>
      <right/>
      <top style="dotted">
        <color auto="1"/>
      </top>
      <bottom style="dotted">
        <color auto="1"/>
      </bottom>
      <diagonal/>
    </border>
    <border>
      <left style="thin">
        <color auto="1"/>
      </left>
      <right/>
      <top style="dotted">
        <color auto="1"/>
      </top>
      <bottom style="thin">
        <color auto="1"/>
      </bottom>
      <diagonal/>
    </border>
    <border>
      <left style="medium">
        <color auto="1"/>
      </left>
      <right/>
      <top style="thin">
        <color auto="1"/>
      </top>
      <bottom style="thin">
        <color auto="1"/>
      </bottom>
      <diagonal/>
    </border>
    <border>
      <left/>
      <right style="dotted">
        <color auto="1"/>
      </right>
      <top style="thin">
        <color auto="1"/>
      </top>
      <bottom style="thin">
        <color auto="1"/>
      </bottom>
      <diagonal/>
    </border>
    <border>
      <left style="dotted">
        <color auto="1"/>
      </left>
      <right/>
      <top style="thin">
        <color auto="1"/>
      </top>
      <bottom style="thin">
        <color auto="1"/>
      </bottom>
      <diagonal/>
    </border>
  </borders>
  <cellStyleXfs count="2">
    <xf numFmtId="0" fontId="0" fillId="0" borderId="0"/>
    <xf numFmtId="0" fontId="5" fillId="0" borderId="0"/>
  </cellStyleXfs>
  <cellXfs count="108">
    <xf numFmtId="0" fontId="0" fillId="0" borderId="0" xfId="0"/>
    <xf numFmtId="0" fontId="2" fillId="0" borderId="0" xfId="0" applyFont="1" applyAlignment="1">
      <alignment horizontal="left" wrapText="1"/>
    </xf>
    <xf numFmtId="0" fontId="2" fillId="0" borderId="0" xfId="0" applyFont="1" applyAlignment="1">
      <alignment wrapText="1"/>
    </xf>
    <xf numFmtId="0" fontId="4" fillId="0" borderId="0" xfId="0" applyFont="1" applyAlignment="1">
      <alignment wrapText="1"/>
    </xf>
    <xf numFmtId="49" fontId="3" fillId="0" borderId="0" xfId="1" applyNumberFormat="1" applyFont="1" applyBorder="1" applyAlignment="1">
      <alignment horizontal="left" vertical="top" wrapText="1"/>
    </xf>
    <xf numFmtId="0" fontId="2" fillId="0" borderId="0" xfId="0" applyFont="1" applyAlignment="1">
      <alignment vertical="top" wrapText="1"/>
    </xf>
    <xf numFmtId="49" fontId="6" fillId="2" borderId="7" xfId="0" applyNumberFormat="1" applyFont="1" applyFill="1" applyBorder="1" applyAlignment="1">
      <alignment horizontal="center" vertical="top" wrapText="1"/>
    </xf>
    <xf numFmtId="49" fontId="6" fillId="2" borderId="8" xfId="0" applyNumberFormat="1" applyFont="1" applyFill="1" applyBorder="1" applyAlignment="1">
      <alignment horizontal="center" vertical="top" wrapText="1"/>
    </xf>
    <xf numFmtId="0" fontId="2" fillId="0" borderId="0" xfId="0" applyFont="1" applyAlignment="1">
      <alignment vertical="center"/>
    </xf>
    <xf numFmtId="16" fontId="8" fillId="0" borderId="12" xfId="0" applyNumberFormat="1" applyFont="1" applyFill="1" applyBorder="1" applyAlignment="1">
      <alignment horizontal="center" vertical="center" wrapText="1"/>
    </xf>
    <xf numFmtId="49" fontId="2" fillId="0" borderId="15" xfId="0" applyNumberFormat="1" applyFont="1" applyBorder="1" applyAlignment="1">
      <alignment horizontal="center" vertical="center" wrapText="1"/>
    </xf>
    <xf numFmtId="0" fontId="2" fillId="0" borderId="16" xfId="0" applyNumberFormat="1" applyFont="1" applyBorder="1" applyAlignment="1" applyProtection="1">
      <alignment horizontal="center" vertical="center" wrapText="1"/>
      <protection locked="0"/>
    </xf>
    <xf numFmtId="49" fontId="2" fillId="0" borderId="17" xfId="0" applyNumberFormat="1" applyFont="1" applyBorder="1" applyAlignment="1">
      <alignment horizontal="center" vertical="center" wrapText="1"/>
    </xf>
    <xf numFmtId="0" fontId="2" fillId="0" borderId="18" xfId="0" applyNumberFormat="1" applyFont="1" applyBorder="1" applyAlignment="1" applyProtection="1">
      <alignment horizontal="center" vertical="center" wrapText="1"/>
      <protection locked="0"/>
    </xf>
    <xf numFmtId="49" fontId="8" fillId="0" borderId="17" xfId="0" applyNumberFormat="1" applyFont="1" applyBorder="1" applyAlignment="1">
      <alignment horizontal="left" vertical="center" wrapText="1"/>
    </xf>
    <xf numFmtId="49" fontId="8" fillId="0" borderId="27" xfId="0" applyNumberFormat="1" applyFont="1" applyBorder="1" applyAlignment="1">
      <alignment horizontal="left" vertical="center" wrapText="1"/>
    </xf>
    <xf numFmtId="49" fontId="8" fillId="0" borderId="31" xfId="0" applyNumberFormat="1" applyFont="1" applyBorder="1" applyAlignment="1">
      <alignment horizontal="center" vertical="center"/>
    </xf>
    <xf numFmtId="49" fontId="8" fillId="0" borderId="31" xfId="0" applyNumberFormat="1" applyFont="1" applyFill="1" applyBorder="1" applyAlignment="1">
      <alignment horizontal="center" vertical="center"/>
    </xf>
    <xf numFmtId="49" fontId="2" fillId="0" borderId="27" xfId="0" applyNumberFormat="1" applyFont="1" applyBorder="1" applyAlignment="1">
      <alignment horizontal="center" vertical="center" wrapText="1"/>
    </xf>
    <xf numFmtId="0" fontId="2" fillId="0" borderId="32" xfId="0" applyNumberFormat="1" applyFont="1" applyBorder="1" applyAlignment="1" applyProtection="1">
      <alignment horizontal="center" vertical="center" wrapText="1"/>
      <protection locked="0"/>
    </xf>
    <xf numFmtId="49" fontId="2" fillId="0" borderId="0" xfId="0" applyNumberFormat="1" applyFont="1" applyBorder="1" applyAlignment="1">
      <alignment horizontal="center" vertical="center" wrapText="1"/>
    </xf>
    <xf numFmtId="0" fontId="2" fillId="0" borderId="0" xfId="0" applyNumberFormat="1" applyFont="1" applyBorder="1" applyAlignment="1" applyProtection="1">
      <alignment horizontal="center" vertical="center" wrapText="1"/>
      <protection locked="0"/>
    </xf>
    <xf numFmtId="49" fontId="8" fillId="0" borderId="33" xfId="0" applyNumberFormat="1" applyFont="1" applyBorder="1" applyAlignment="1">
      <alignment horizontal="center" vertical="center"/>
    </xf>
    <xf numFmtId="0" fontId="8" fillId="0" borderId="0" xfId="1" applyFont="1" applyAlignment="1">
      <alignment vertical="center"/>
    </xf>
    <xf numFmtId="0" fontId="8" fillId="0" borderId="0" xfId="1" applyFont="1"/>
    <xf numFmtId="0" fontId="2" fillId="0" borderId="0" xfId="0" applyFont="1" applyAlignment="1"/>
    <xf numFmtId="0" fontId="2" fillId="0" borderId="0" xfId="0" applyFont="1" applyAlignment="1" applyProtection="1">
      <alignment horizontal="right"/>
      <protection locked="0"/>
    </xf>
    <xf numFmtId="0" fontId="2" fillId="0" borderId="0" xfId="0" applyFont="1" applyBorder="1" applyAlignment="1" applyProtection="1">
      <alignment vertical="center"/>
      <protection locked="0"/>
    </xf>
    <xf numFmtId="0" fontId="11" fillId="0" borderId="0" xfId="0" applyFont="1" applyAlignment="1">
      <alignment horizontal="left"/>
    </xf>
    <xf numFmtId="0" fontId="11" fillId="0" borderId="0" xfId="0" applyFont="1"/>
    <xf numFmtId="49" fontId="12" fillId="0" borderId="0" xfId="0" applyNumberFormat="1" applyFont="1" applyBorder="1" applyAlignment="1">
      <alignment wrapText="1"/>
    </xf>
    <xf numFmtId="0" fontId="11" fillId="0" borderId="0" xfId="0" applyFont="1" applyAlignment="1"/>
    <xf numFmtId="0" fontId="11" fillId="0" borderId="0" xfId="0" applyFont="1" applyAlignment="1">
      <alignment horizontal="center"/>
    </xf>
    <xf numFmtId="3" fontId="11" fillId="0" borderId="0" xfId="0" applyNumberFormat="1" applyFont="1" applyAlignment="1">
      <alignment horizontal="center"/>
    </xf>
    <xf numFmtId="16" fontId="8" fillId="0" borderId="40" xfId="0" applyNumberFormat="1" applyFont="1" applyFill="1" applyBorder="1" applyAlignment="1">
      <alignment horizontal="center" vertical="center" wrapText="1"/>
    </xf>
    <xf numFmtId="49" fontId="2" fillId="0" borderId="25" xfId="0" applyNumberFormat="1" applyFont="1" applyBorder="1" applyAlignment="1">
      <alignment horizontal="center" vertical="center" wrapText="1"/>
    </xf>
    <xf numFmtId="0" fontId="2" fillId="0" borderId="41" xfId="0" applyNumberFormat="1" applyFont="1" applyBorder="1" applyAlignment="1" applyProtection="1">
      <alignment horizontal="center" vertical="center" wrapText="1"/>
      <protection locked="0"/>
    </xf>
    <xf numFmtId="0" fontId="2" fillId="0" borderId="0" xfId="0" applyFont="1" applyBorder="1" applyAlignment="1">
      <alignment vertical="center"/>
    </xf>
    <xf numFmtId="49" fontId="8" fillId="0" borderId="13" xfId="0" applyNumberFormat="1" applyFont="1" applyBorder="1" applyAlignment="1">
      <alignment horizontal="left" vertical="center" wrapText="1"/>
    </xf>
    <xf numFmtId="49" fontId="8" fillId="0" borderId="14" xfId="0" applyNumberFormat="1" applyFont="1" applyBorder="1" applyAlignment="1">
      <alignment horizontal="left" vertical="center" wrapText="1"/>
    </xf>
    <xf numFmtId="49" fontId="8" fillId="0" borderId="45" xfId="0" applyNumberFormat="1" applyFont="1" applyBorder="1" applyAlignment="1">
      <alignment horizontal="right" vertical="center"/>
    </xf>
    <xf numFmtId="49" fontId="8" fillId="0" borderId="10" xfId="0" applyNumberFormat="1" applyFont="1" applyBorder="1" applyAlignment="1">
      <alignment horizontal="right" vertical="center"/>
    </xf>
    <xf numFmtId="49" fontId="8" fillId="0" borderId="46" xfId="0" applyNumberFormat="1" applyFont="1" applyBorder="1" applyAlignment="1">
      <alignment horizontal="right" vertical="center"/>
    </xf>
    <xf numFmtId="49" fontId="8" fillId="0" borderId="47" xfId="0" applyNumberFormat="1" applyFont="1" applyBorder="1" applyAlignment="1">
      <alignment horizontal="left" vertical="center" wrapText="1"/>
    </xf>
    <xf numFmtId="49" fontId="8" fillId="0" borderId="11" xfId="0" applyNumberFormat="1" applyFont="1" applyBorder="1" applyAlignment="1">
      <alignment horizontal="left" vertical="center" wrapText="1"/>
    </xf>
    <xf numFmtId="49" fontId="8" fillId="0" borderId="13" xfId="0" applyNumberFormat="1" applyFont="1" applyFill="1" applyBorder="1" applyAlignment="1">
      <alignment horizontal="left" vertical="center" wrapText="1"/>
    </xf>
    <xf numFmtId="49" fontId="8" fillId="0" borderId="14" xfId="0" applyNumberFormat="1" applyFont="1" applyFill="1" applyBorder="1" applyAlignment="1">
      <alignment horizontal="left" vertical="center" wrapText="1"/>
    </xf>
    <xf numFmtId="49" fontId="8" fillId="0" borderId="9" xfId="0" applyNumberFormat="1" applyFont="1" applyFill="1" applyBorder="1" applyAlignment="1">
      <alignment horizontal="left" vertical="center" wrapText="1"/>
    </xf>
    <xf numFmtId="49" fontId="8" fillId="0" borderId="10" xfId="0" applyNumberFormat="1" applyFont="1" applyFill="1" applyBorder="1" applyAlignment="1">
      <alignment horizontal="left" vertical="center" wrapText="1"/>
    </xf>
    <xf numFmtId="49" fontId="8" fillId="0" borderId="11" xfId="0" applyNumberFormat="1" applyFont="1" applyFill="1" applyBorder="1" applyAlignment="1">
      <alignment horizontal="left" vertical="center" wrapText="1"/>
    </xf>
    <xf numFmtId="49" fontId="8" fillId="0" borderId="44" xfId="0" applyNumberFormat="1" applyFont="1" applyBorder="1" applyAlignment="1">
      <alignment horizontal="left" vertical="center" wrapText="1"/>
    </xf>
    <xf numFmtId="49" fontId="8" fillId="0" borderId="29" xfId="0" applyNumberFormat="1" applyFont="1" applyBorder="1" applyAlignment="1">
      <alignment horizontal="left" vertical="center" wrapText="1"/>
    </xf>
    <xf numFmtId="49" fontId="8" fillId="0" borderId="30" xfId="0" applyNumberFormat="1" applyFont="1" applyBorder="1" applyAlignment="1">
      <alignment horizontal="left" vertical="center" wrapText="1"/>
    </xf>
    <xf numFmtId="49" fontId="3" fillId="2" borderId="0" xfId="0" applyNumberFormat="1" applyFont="1" applyFill="1" applyBorder="1" applyAlignment="1">
      <alignment horizontal="left" vertical="center" wrapText="1"/>
    </xf>
    <xf numFmtId="49" fontId="8" fillId="0" borderId="9" xfId="0" applyNumberFormat="1" applyFont="1" applyBorder="1" applyAlignment="1">
      <alignment horizontal="left" vertical="center" wrapText="1"/>
    </xf>
    <xf numFmtId="49" fontId="8" fillId="0" borderId="10" xfId="0" applyNumberFormat="1" applyFont="1" applyBorder="1" applyAlignment="1">
      <alignment horizontal="left" vertical="center" wrapText="1"/>
    </xf>
    <xf numFmtId="49" fontId="8" fillId="0" borderId="22" xfId="0" applyNumberFormat="1" applyFont="1" applyBorder="1" applyAlignment="1">
      <alignment horizontal="left" vertical="center" wrapText="1"/>
    </xf>
    <xf numFmtId="0" fontId="0" fillId="0" borderId="23" xfId="0" applyBorder="1" applyAlignment="1">
      <alignment horizontal="left" vertical="center" wrapText="1"/>
    </xf>
    <xf numFmtId="0" fontId="0" fillId="0" borderId="24" xfId="0" applyBorder="1" applyAlignment="1">
      <alignment horizontal="left" vertical="center" wrapText="1"/>
    </xf>
    <xf numFmtId="49" fontId="8" fillId="0" borderId="43" xfId="0" applyNumberFormat="1" applyFont="1" applyBorder="1" applyAlignment="1">
      <alignment horizontal="left" vertical="center" wrapText="1"/>
    </xf>
    <xf numFmtId="49" fontId="8" fillId="0" borderId="23" xfId="0" applyNumberFormat="1" applyFont="1" applyBorder="1" applyAlignment="1">
      <alignment horizontal="left" vertical="center" wrapText="1"/>
    </xf>
    <xf numFmtId="49" fontId="8" fillId="0" borderId="24" xfId="0" applyNumberFormat="1" applyFont="1" applyBorder="1" applyAlignment="1">
      <alignment horizontal="left" vertical="center" wrapText="1"/>
    </xf>
    <xf numFmtId="49" fontId="8" fillId="0" borderId="25" xfId="0" applyNumberFormat="1" applyFont="1" applyBorder="1" applyAlignment="1">
      <alignment horizontal="left" vertical="center" wrapText="1"/>
    </xf>
    <xf numFmtId="49" fontId="8" fillId="0" borderId="26" xfId="0" applyNumberFormat="1" applyFont="1" applyBorder="1" applyAlignment="1">
      <alignment horizontal="left" vertical="center" wrapText="1"/>
    </xf>
    <xf numFmtId="49" fontId="3" fillId="3" borderId="9" xfId="0" applyNumberFormat="1" applyFont="1" applyFill="1" applyBorder="1" applyAlignment="1">
      <alignment horizontal="left" vertical="center" wrapText="1"/>
    </xf>
    <xf numFmtId="49" fontId="3" fillId="3" borderId="10" xfId="0" applyNumberFormat="1" applyFont="1" applyFill="1" applyBorder="1" applyAlignment="1">
      <alignment horizontal="left" vertical="center" wrapText="1"/>
    </xf>
    <xf numFmtId="49" fontId="3" fillId="3" borderId="11" xfId="0" applyNumberFormat="1" applyFont="1" applyFill="1" applyBorder="1" applyAlignment="1">
      <alignment horizontal="left" vertical="center" wrapText="1"/>
    </xf>
    <xf numFmtId="49" fontId="8" fillId="0" borderId="19" xfId="0" applyNumberFormat="1" applyFont="1" applyBorder="1" applyAlignment="1">
      <alignment horizontal="left" vertical="center" wrapText="1"/>
    </xf>
    <xf numFmtId="49" fontId="8" fillId="0" borderId="20" xfId="0" applyNumberFormat="1" applyFont="1" applyBorder="1" applyAlignment="1">
      <alignment horizontal="left" vertical="center" wrapText="1"/>
    </xf>
    <xf numFmtId="49" fontId="8" fillId="0" borderId="21" xfId="0" applyNumberFormat="1" applyFont="1" applyBorder="1" applyAlignment="1">
      <alignment horizontal="left" vertical="center" wrapText="1"/>
    </xf>
    <xf numFmtId="49" fontId="8" fillId="0" borderId="22" xfId="0" applyNumberFormat="1" applyFont="1" applyBorder="1" applyAlignment="1">
      <alignment horizontal="left" wrapText="1"/>
    </xf>
    <xf numFmtId="0" fontId="0" fillId="0" borderId="23" xfId="0" applyBorder="1" applyAlignment="1">
      <alignment horizontal="left" wrapText="1"/>
    </xf>
    <xf numFmtId="0" fontId="0" fillId="0" borderId="24" xfId="0" applyBorder="1" applyAlignment="1">
      <alignment horizontal="left" wrapText="1"/>
    </xf>
    <xf numFmtId="49" fontId="8" fillId="2" borderId="37" xfId="0" applyNumberFormat="1" applyFont="1" applyFill="1" applyBorder="1" applyAlignment="1">
      <alignment horizontal="left" vertical="center" wrapText="1"/>
    </xf>
    <xf numFmtId="49" fontId="8" fillId="2" borderId="35" xfId="0" applyNumberFormat="1" applyFont="1" applyFill="1" applyBorder="1" applyAlignment="1">
      <alignment horizontal="left" vertical="center" wrapText="1"/>
    </xf>
    <xf numFmtId="49" fontId="8" fillId="2" borderId="39" xfId="0" applyNumberFormat="1" applyFont="1" applyFill="1" applyBorder="1" applyAlignment="1">
      <alignment horizontal="left" vertical="center" wrapText="1"/>
    </xf>
    <xf numFmtId="49" fontId="8" fillId="0" borderId="38" xfId="0" applyNumberFormat="1" applyFont="1" applyFill="1" applyBorder="1" applyAlignment="1">
      <alignment horizontal="left" vertical="center" wrapText="1"/>
    </xf>
    <xf numFmtId="49" fontId="8" fillId="0" borderId="36" xfId="0" applyNumberFormat="1" applyFont="1" applyFill="1" applyBorder="1" applyAlignment="1">
      <alignment horizontal="left" vertical="center" wrapText="1"/>
    </xf>
    <xf numFmtId="49" fontId="8" fillId="0" borderId="42" xfId="0" applyNumberFormat="1" applyFont="1" applyFill="1" applyBorder="1" applyAlignment="1">
      <alignment horizontal="left" vertical="center" wrapText="1"/>
    </xf>
    <xf numFmtId="0" fontId="2" fillId="0" borderId="0" xfId="0" applyFont="1" applyAlignment="1">
      <alignment horizontal="left"/>
    </xf>
    <xf numFmtId="14" fontId="2" fillId="0" borderId="0" xfId="0" applyNumberFormat="1" applyFont="1" applyAlignment="1">
      <alignment horizontal="left"/>
    </xf>
    <xf numFmtId="0" fontId="10" fillId="0" borderId="34" xfId="0" applyNumberFormat="1" applyFont="1" applyBorder="1" applyAlignment="1">
      <alignment horizontal="center" vertical="top"/>
    </xf>
    <xf numFmtId="0" fontId="11" fillId="0" borderId="0" xfId="0" applyFont="1" applyAlignment="1">
      <alignment horizontal="left"/>
    </xf>
    <xf numFmtId="49" fontId="3" fillId="0" borderId="9" xfId="0" applyNumberFormat="1" applyFont="1" applyBorder="1" applyAlignment="1">
      <alignment horizontal="left" vertical="center"/>
    </xf>
    <xf numFmtId="0" fontId="1" fillId="0" borderId="10" xfId="0" applyFont="1" applyBorder="1" applyAlignment="1">
      <alignment horizontal="left" vertical="center"/>
    </xf>
    <xf numFmtId="0" fontId="1" fillId="0" borderId="11" xfId="0" applyFont="1" applyBorder="1" applyAlignment="1">
      <alignment horizontal="left" vertical="center"/>
    </xf>
    <xf numFmtId="0" fontId="0" fillId="0" borderId="10" xfId="0" applyBorder="1" applyAlignment="1">
      <alignment horizontal="left" vertical="center" wrapText="1"/>
    </xf>
    <xf numFmtId="0" fontId="0" fillId="0" borderId="11" xfId="0" applyBorder="1" applyAlignment="1">
      <alignment horizontal="left" vertical="center" wrapText="1"/>
    </xf>
    <xf numFmtId="0" fontId="8" fillId="0" borderId="0" xfId="1" applyFont="1" applyBorder="1" applyAlignment="1">
      <alignment horizontal="left" vertical="center" wrapText="1"/>
    </xf>
    <xf numFmtId="0" fontId="2" fillId="0" borderId="0" xfId="0" applyFont="1" applyAlignment="1">
      <alignment horizontal="left" vertical="top" wrapText="1"/>
    </xf>
    <xf numFmtId="0" fontId="2" fillId="0" borderId="0" xfId="0" applyNumberFormat="1" applyFont="1" applyBorder="1" applyAlignment="1">
      <alignment horizontal="left" vertical="top" wrapText="1"/>
    </xf>
    <xf numFmtId="0" fontId="3" fillId="0" borderId="0" xfId="1" applyFont="1" applyAlignment="1">
      <alignment horizontal="left" vertical="center" wrapText="1"/>
    </xf>
    <xf numFmtId="0" fontId="11" fillId="0" borderId="0" xfId="0" applyFont="1" applyAlignment="1">
      <alignment horizontal="left" vertical="center" wrapText="1"/>
    </xf>
    <xf numFmtId="0" fontId="8" fillId="0" borderId="0" xfId="1" applyFont="1" applyAlignment="1">
      <alignment horizontal="left"/>
    </xf>
    <xf numFmtId="0" fontId="10" fillId="0" borderId="0" xfId="0" applyNumberFormat="1" applyFont="1" applyBorder="1" applyAlignment="1">
      <alignment horizontal="left" vertical="top" wrapText="1"/>
    </xf>
    <xf numFmtId="49" fontId="8" fillId="0" borderId="28" xfId="0" applyNumberFormat="1" applyFont="1" applyBorder="1" applyAlignment="1">
      <alignment horizontal="left" vertical="center" wrapText="1"/>
    </xf>
    <xf numFmtId="0" fontId="0" fillId="0" borderId="29" xfId="0" applyBorder="1" applyAlignment="1">
      <alignment horizontal="left" vertical="center" wrapText="1"/>
    </xf>
    <xf numFmtId="0" fontId="0" fillId="0" borderId="30" xfId="0" applyBorder="1" applyAlignment="1">
      <alignment horizontal="left" vertical="center" wrapText="1"/>
    </xf>
    <xf numFmtId="0" fontId="2" fillId="0" borderId="0" xfId="0" applyFont="1" applyAlignment="1">
      <alignment horizontal="left" wrapText="1"/>
    </xf>
    <xf numFmtId="0" fontId="3" fillId="0" borderId="0" xfId="0" applyNumberFormat="1" applyFont="1" applyAlignment="1">
      <alignment horizontal="left" wrapText="1"/>
    </xf>
    <xf numFmtId="0" fontId="2" fillId="0" borderId="0" xfId="0" applyFont="1" applyAlignment="1">
      <alignment horizontal="center" wrapText="1"/>
    </xf>
    <xf numFmtId="0" fontId="4" fillId="0" borderId="0" xfId="0" applyFont="1" applyAlignment="1">
      <alignment horizontal="center" wrapText="1"/>
    </xf>
    <xf numFmtId="49" fontId="6" fillId="2" borderId="1" xfId="0" applyNumberFormat="1" applyFont="1" applyFill="1" applyBorder="1" applyAlignment="1">
      <alignment horizontal="left" vertical="top" wrapText="1"/>
    </xf>
    <xf numFmtId="49" fontId="6" fillId="2" borderId="2" xfId="0" applyNumberFormat="1" applyFont="1" applyFill="1" applyBorder="1" applyAlignment="1">
      <alignment horizontal="left" vertical="top" wrapText="1"/>
    </xf>
    <xf numFmtId="49" fontId="6" fillId="2" borderId="5" xfId="0" applyNumberFormat="1" applyFont="1" applyFill="1" applyBorder="1" applyAlignment="1">
      <alignment horizontal="left" vertical="top" wrapText="1"/>
    </xf>
    <xf numFmtId="49" fontId="6" fillId="2" borderId="6" xfId="0" applyNumberFormat="1" applyFont="1" applyFill="1" applyBorder="1" applyAlignment="1">
      <alignment horizontal="left" vertical="top" wrapText="1"/>
    </xf>
    <xf numFmtId="0" fontId="6" fillId="2" borderId="3" xfId="0" applyFont="1" applyFill="1" applyBorder="1" applyAlignment="1">
      <alignment horizontal="center" vertical="top" wrapText="1"/>
    </xf>
    <xf numFmtId="0" fontId="6" fillId="2" borderId="4" xfId="0" applyFont="1" applyFill="1" applyBorder="1" applyAlignment="1">
      <alignment horizontal="center" vertical="top" wrapText="1"/>
    </xf>
  </cellXfs>
  <cellStyles count="2">
    <cellStyle name="Normálna" xfId="0" builtinId="0"/>
    <cellStyle name="normálne 2 2" xfId="1"/>
  </cellStyles>
  <dxfs count="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19/02.%20Oddelenie%20VO/02.%20Ukon&#269;en&#233;%20z&#225;kazky/059.%20Str&#225;&#382;na%20slu&#382;ba/03.%20PT%20josephine/01.%20V&#253;zva%20na%20prelo&#382;enie%20ponuky/Pr&#237;lohy%20&#269;.%201,%202,%203,%204,%205,%206,%207.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
      <sheetName val="Príloha č. 3"/>
      <sheetName val="Príloha č. 4"/>
      <sheetName val="Príloha č. 5  "/>
      <sheetName val="Príloha č. 6 "/>
      <sheetName val="Príloha č. 7"/>
    </sheetNames>
    <sheetDataSet>
      <sheetData sheetId="0">
        <row r="6">
          <cell r="C6"/>
        </row>
        <row r="7">
          <cell r="C7"/>
        </row>
        <row r="8">
          <cell r="C8"/>
        </row>
        <row r="9">
          <cell r="C9"/>
        </row>
        <row r="12">
          <cell r="C12"/>
        </row>
        <row r="13">
          <cell r="C13"/>
        </row>
        <row r="14">
          <cell r="C14"/>
        </row>
        <row r="15">
          <cell r="C15"/>
        </row>
        <row r="25">
          <cell r="B25"/>
          <cell r="C25"/>
        </row>
        <row r="29">
          <cell r="D29"/>
        </row>
      </sheetData>
      <sheetData sheetId="1"/>
      <sheetData sheetId="2"/>
      <sheetData sheetId="3"/>
      <sheetData sheetId="4"/>
      <sheetData sheetId="5"/>
      <sheetData sheetId="6"/>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M115"/>
  <sheetViews>
    <sheetView showGridLines="0" tabSelected="1" zoomScaleNormal="100" workbookViewId="0">
      <selection sqref="A1:D1"/>
    </sheetView>
  </sheetViews>
  <sheetFormatPr defaultRowHeight="15" x14ac:dyDescent="0.25"/>
  <cols>
    <col min="1" max="1" width="6" style="2" bestFit="1" customWidth="1"/>
    <col min="2" max="2" width="5.5703125" style="2" customWidth="1"/>
    <col min="3" max="3" width="3.42578125" style="2" customWidth="1"/>
    <col min="4" max="4" width="59.85546875" style="2" customWidth="1"/>
    <col min="5" max="5" width="26.5703125" style="2" customWidth="1"/>
    <col min="6" max="6" width="12.7109375" style="2" customWidth="1"/>
    <col min="7" max="7" width="13.140625" style="2" customWidth="1"/>
    <col min="8" max="8" width="7.42578125" style="2" customWidth="1"/>
    <col min="9" max="9" width="13.7109375" style="2" bestFit="1" customWidth="1"/>
    <col min="10" max="16384" width="9.140625" style="2"/>
  </cols>
  <sheetData>
    <row r="1" spans="1:13" x14ac:dyDescent="0.25">
      <c r="A1" s="98" t="s">
        <v>0</v>
      </c>
      <c r="B1" s="98"/>
      <c r="C1" s="98"/>
      <c r="D1" s="98"/>
      <c r="E1" s="1"/>
    </row>
    <row r="2" spans="1:13" ht="15" customHeight="1" x14ac:dyDescent="0.25">
      <c r="A2" s="99" t="s">
        <v>1</v>
      </c>
      <c r="B2" s="99"/>
      <c r="C2" s="99"/>
      <c r="D2" s="99"/>
      <c r="E2" s="99"/>
      <c r="F2" s="99"/>
      <c r="G2" s="99"/>
    </row>
    <row r="3" spans="1:13" ht="9.9499999999999993" customHeight="1" x14ac:dyDescent="0.25">
      <c r="A3" s="100"/>
      <c r="B3" s="100"/>
      <c r="C3" s="100"/>
      <c r="D3" s="100"/>
      <c r="E3" s="100"/>
      <c r="F3" s="100"/>
    </row>
    <row r="4" spans="1:13" ht="18.75" customHeight="1" x14ac:dyDescent="0.3">
      <c r="A4" s="101" t="s">
        <v>2</v>
      </c>
      <c r="B4" s="101"/>
      <c r="C4" s="101"/>
      <c r="D4" s="101"/>
      <c r="E4" s="101"/>
      <c r="F4" s="101"/>
      <c r="G4" s="101"/>
      <c r="H4" s="3"/>
      <c r="I4" s="3"/>
      <c r="J4" s="3"/>
      <c r="K4" s="3"/>
      <c r="L4" s="3"/>
      <c r="M4" s="3"/>
    </row>
    <row r="5" spans="1:13" s="5" customFormat="1" ht="9.9499999999999993" customHeight="1" thickBot="1" x14ac:dyDescent="0.3">
      <c r="A5" s="4"/>
      <c r="B5" s="4"/>
      <c r="C5" s="4"/>
      <c r="D5" s="4"/>
      <c r="E5" s="4"/>
      <c r="F5" s="4"/>
      <c r="G5" s="4"/>
    </row>
    <row r="6" spans="1:13" s="5" customFormat="1" ht="122.25" customHeight="1" x14ac:dyDescent="0.25">
      <c r="A6" s="102" t="s">
        <v>3</v>
      </c>
      <c r="B6" s="103"/>
      <c r="C6" s="103"/>
      <c r="D6" s="103"/>
      <c r="E6" s="103"/>
      <c r="F6" s="106" t="s">
        <v>81</v>
      </c>
      <c r="G6" s="107"/>
    </row>
    <row r="7" spans="1:13" s="5" customFormat="1" ht="53.25" customHeight="1" thickBot="1" x14ac:dyDescent="0.3">
      <c r="A7" s="104"/>
      <c r="B7" s="105"/>
      <c r="C7" s="105"/>
      <c r="D7" s="105"/>
      <c r="E7" s="105"/>
      <c r="F7" s="6" t="s">
        <v>4</v>
      </c>
      <c r="G7" s="7" t="s">
        <v>107</v>
      </c>
    </row>
    <row r="8" spans="1:13" s="8" customFormat="1" ht="57" customHeight="1" x14ac:dyDescent="0.25">
      <c r="A8" s="64" t="s">
        <v>5</v>
      </c>
      <c r="B8" s="65"/>
      <c r="C8" s="65"/>
      <c r="D8" s="65"/>
      <c r="E8" s="65"/>
      <c r="F8" s="65"/>
      <c r="G8" s="66"/>
    </row>
    <row r="9" spans="1:13" s="8" customFormat="1" ht="83.25" customHeight="1" x14ac:dyDescent="0.25">
      <c r="A9" s="9" t="s">
        <v>6</v>
      </c>
      <c r="B9" s="38" t="s">
        <v>7</v>
      </c>
      <c r="C9" s="39"/>
      <c r="D9" s="39"/>
      <c r="E9" s="39"/>
      <c r="F9" s="10"/>
      <c r="G9" s="11"/>
    </row>
    <row r="10" spans="1:13" s="8" customFormat="1" ht="34.5" customHeight="1" x14ac:dyDescent="0.25">
      <c r="A10" s="9" t="s">
        <v>8</v>
      </c>
      <c r="B10" s="45" t="s">
        <v>9</v>
      </c>
      <c r="C10" s="46"/>
      <c r="D10" s="46"/>
      <c r="E10" s="46"/>
      <c r="F10" s="12"/>
      <c r="G10" s="13"/>
    </row>
    <row r="11" spans="1:13" s="8" customFormat="1" ht="31.5" customHeight="1" x14ac:dyDescent="0.25">
      <c r="A11" s="9" t="s">
        <v>10</v>
      </c>
      <c r="B11" s="67" t="s">
        <v>11</v>
      </c>
      <c r="C11" s="68"/>
      <c r="D11" s="68"/>
      <c r="E11" s="69"/>
      <c r="F11" s="12"/>
      <c r="G11" s="13"/>
    </row>
    <row r="12" spans="1:13" s="8" customFormat="1" ht="75.75" customHeight="1" x14ac:dyDescent="0.25">
      <c r="A12" s="9"/>
      <c r="B12" s="14" t="s">
        <v>12</v>
      </c>
      <c r="C12" s="56" t="s">
        <v>13</v>
      </c>
      <c r="D12" s="57"/>
      <c r="E12" s="58"/>
      <c r="F12" s="12"/>
      <c r="G12" s="13"/>
    </row>
    <row r="13" spans="1:13" s="8" customFormat="1" ht="33.75" customHeight="1" x14ac:dyDescent="0.25">
      <c r="A13" s="9" t="s">
        <v>14</v>
      </c>
      <c r="B13" s="62" t="s">
        <v>15</v>
      </c>
      <c r="C13" s="63"/>
      <c r="D13" s="63"/>
      <c r="E13" s="63"/>
      <c r="F13" s="12"/>
      <c r="G13" s="13"/>
    </row>
    <row r="14" spans="1:13" s="8" customFormat="1" ht="24.75" customHeight="1" x14ac:dyDescent="0.25">
      <c r="A14" s="9"/>
      <c r="B14" s="14" t="s">
        <v>16</v>
      </c>
      <c r="C14" s="56" t="s">
        <v>17</v>
      </c>
      <c r="D14" s="57"/>
      <c r="E14" s="58"/>
      <c r="F14" s="12"/>
      <c r="G14" s="13"/>
    </row>
    <row r="15" spans="1:13" s="8" customFormat="1" ht="109.5" customHeight="1" x14ac:dyDescent="0.25">
      <c r="A15" s="9"/>
      <c r="B15" s="14" t="s">
        <v>18</v>
      </c>
      <c r="C15" s="56" t="s">
        <v>19</v>
      </c>
      <c r="D15" s="57"/>
      <c r="E15" s="58"/>
      <c r="F15" s="12"/>
      <c r="G15" s="13"/>
    </row>
    <row r="16" spans="1:13" s="8" customFormat="1" ht="25.5" customHeight="1" x14ac:dyDescent="0.25">
      <c r="A16" s="9"/>
      <c r="B16" s="14" t="s">
        <v>20</v>
      </c>
      <c r="C16" s="56" t="s">
        <v>21</v>
      </c>
      <c r="D16" s="57"/>
      <c r="E16" s="58"/>
      <c r="F16" s="12"/>
      <c r="G16" s="13"/>
    </row>
    <row r="17" spans="1:7" s="8" customFormat="1" ht="27.75" customHeight="1" x14ac:dyDescent="0.25">
      <c r="A17" s="9"/>
      <c r="B17" s="14" t="s">
        <v>22</v>
      </c>
      <c r="C17" s="56" t="s">
        <v>23</v>
      </c>
      <c r="D17" s="57"/>
      <c r="E17" s="58"/>
      <c r="F17" s="12"/>
      <c r="G17" s="13"/>
    </row>
    <row r="18" spans="1:7" s="8" customFormat="1" ht="71.25" customHeight="1" x14ac:dyDescent="0.25">
      <c r="A18" s="9"/>
      <c r="B18" s="14" t="s">
        <v>24</v>
      </c>
      <c r="C18" s="56" t="s">
        <v>25</v>
      </c>
      <c r="D18" s="57"/>
      <c r="E18" s="58"/>
      <c r="F18" s="12"/>
      <c r="G18" s="13"/>
    </row>
    <row r="19" spans="1:7" s="8" customFormat="1" ht="32.25" customHeight="1" x14ac:dyDescent="0.25">
      <c r="A19" s="9"/>
      <c r="B19" s="14" t="s">
        <v>26</v>
      </c>
      <c r="C19" s="56" t="s">
        <v>27</v>
      </c>
      <c r="D19" s="57"/>
      <c r="E19" s="58"/>
      <c r="F19" s="12"/>
      <c r="G19" s="13"/>
    </row>
    <row r="20" spans="1:7" s="8" customFormat="1" ht="39" customHeight="1" x14ac:dyDescent="0.25">
      <c r="A20" s="9"/>
      <c r="B20" s="14" t="s">
        <v>28</v>
      </c>
      <c r="C20" s="56" t="s">
        <v>29</v>
      </c>
      <c r="D20" s="57"/>
      <c r="E20" s="58"/>
      <c r="F20" s="12"/>
      <c r="G20" s="13"/>
    </row>
    <row r="21" spans="1:7" s="8" customFormat="1" ht="33" customHeight="1" x14ac:dyDescent="0.25">
      <c r="A21" s="9"/>
      <c r="B21" s="14" t="s">
        <v>30</v>
      </c>
      <c r="C21" s="56" t="s">
        <v>31</v>
      </c>
      <c r="D21" s="57"/>
      <c r="E21" s="58"/>
      <c r="F21" s="12"/>
      <c r="G21" s="13"/>
    </row>
    <row r="22" spans="1:7" s="8" customFormat="1" ht="33.75" customHeight="1" x14ac:dyDescent="0.25">
      <c r="A22" s="9"/>
      <c r="B22" s="14" t="s">
        <v>32</v>
      </c>
      <c r="C22" s="56" t="s">
        <v>33</v>
      </c>
      <c r="D22" s="57"/>
      <c r="E22" s="58"/>
      <c r="F22" s="12"/>
      <c r="G22" s="13"/>
    </row>
    <row r="23" spans="1:7" s="8" customFormat="1" ht="39.75" customHeight="1" x14ac:dyDescent="0.25">
      <c r="A23" s="9"/>
      <c r="B23" s="15" t="s">
        <v>34</v>
      </c>
      <c r="C23" s="95" t="s">
        <v>35</v>
      </c>
      <c r="D23" s="96"/>
      <c r="E23" s="97"/>
      <c r="F23" s="12"/>
      <c r="G23" s="13"/>
    </row>
    <row r="24" spans="1:7" s="8" customFormat="1" ht="31.5" customHeight="1" x14ac:dyDescent="0.25">
      <c r="A24" s="16" t="s">
        <v>36</v>
      </c>
      <c r="B24" s="38" t="s">
        <v>37</v>
      </c>
      <c r="C24" s="39"/>
      <c r="D24" s="39"/>
      <c r="E24" s="39"/>
      <c r="F24" s="12"/>
      <c r="G24" s="13"/>
    </row>
    <row r="25" spans="1:7" s="8" customFormat="1" ht="96.75" customHeight="1" x14ac:dyDescent="0.25">
      <c r="A25" s="16" t="s">
        <v>38</v>
      </c>
      <c r="B25" s="38" t="s">
        <v>39</v>
      </c>
      <c r="C25" s="39"/>
      <c r="D25" s="39"/>
      <c r="E25" s="39"/>
      <c r="F25" s="12"/>
      <c r="G25" s="13"/>
    </row>
    <row r="26" spans="1:7" s="8" customFormat="1" ht="33" customHeight="1" x14ac:dyDescent="0.25">
      <c r="A26" s="16" t="s">
        <v>40</v>
      </c>
      <c r="B26" s="38" t="s">
        <v>41</v>
      </c>
      <c r="C26" s="39"/>
      <c r="D26" s="39"/>
      <c r="E26" s="39"/>
      <c r="F26" s="12"/>
      <c r="G26" s="13"/>
    </row>
    <row r="27" spans="1:7" s="8" customFormat="1" ht="33.75" customHeight="1" x14ac:dyDescent="0.25">
      <c r="A27" s="16" t="s">
        <v>42</v>
      </c>
      <c r="B27" s="38" t="s">
        <v>43</v>
      </c>
      <c r="C27" s="39"/>
      <c r="D27" s="39"/>
      <c r="E27" s="39"/>
      <c r="F27" s="12"/>
      <c r="G27" s="13"/>
    </row>
    <row r="28" spans="1:7" s="8" customFormat="1" ht="138.75" customHeight="1" x14ac:dyDescent="0.25">
      <c r="A28" s="16" t="s">
        <v>44</v>
      </c>
      <c r="B28" s="38" t="s">
        <v>45</v>
      </c>
      <c r="C28" s="39"/>
      <c r="D28" s="39"/>
      <c r="E28" s="39"/>
      <c r="F28" s="12"/>
      <c r="G28" s="13"/>
    </row>
    <row r="29" spans="1:7" s="8" customFormat="1" ht="60.75" customHeight="1" x14ac:dyDescent="0.25">
      <c r="A29" s="16" t="s">
        <v>46</v>
      </c>
      <c r="B29" s="38" t="s">
        <v>47</v>
      </c>
      <c r="C29" s="39"/>
      <c r="D29" s="39"/>
      <c r="E29" s="39"/>
      <c r="F29" s="12"/>
      <c r="G29" s="13"/>
    </row>
    <row r="30" spans="1:7" s="8" customFormat="1" ht="60" customHeight="1" x14ac:dyDescent="0.25">
      <c r="A30" s="16" t="s">
        <v>48</v>
      </c>
      <c r="B30" s="38" t="s">
        <v>49</v>
      </c>
      <c r="C30" s="39"/>
      <c r="D30" s="39"/>
      <c r="E30" s="39"/>
      <c r="F30" s="12"/>
      <c r="G30" s="13"/>
    </row>
    <row r="31" spans="1:7" s="8" customFormat="1" ht="57" customHeight="1" x14ac:dyDescent="0.25">
      <c r="A31" s="16" t="s">
        <v>50</v>
      </c>
      <c r="B31" s="45" t="s">
        <v>51</v>
      </c>
      <c r="C31" s="46"/>
      <c r="D31" s="46"/>
      <c r="E31" s="46"/>
      <c r="F31" s="12"/>
      <c r="G31" s="13"/>
    </row>
    <row r="32" spans="1:7" s="8" customFormat="1" ht="40.5" customHeight="1" x14ac:dyDescent="0.25">
      <c r="A32" s="17" t="s">
        <v>52</v>
      </c>
      <c r="B32" s="45" t="s">
        <v>53</v>
      </c>
      <c r="C32" s="46"/>
      <c r="D32" s="46"/>
      <c r="E32" s="46"/>
      <c r="F32" s="12"/>
      <c r="G32" s="13"/>
    </row>
    <row r="33" spans="1:7" s="8" customFormat="1" ht="63" customHeight="1" x14ac:dyDescent="0.25">
      <c r="A33" s="16" t="s">
        <v>54</v>
      </c>
      <c r="B33" s="45" t="s">
        <v>55</v>
      </c>
      <c r="C33" s="46"/>
      <c r="D33" s="46"/>
      <c r="E33" s="46"/>
      <c r="F33" s="12"/>
      <c r="G33" s="13"/>
    </row>
    <row r="34" spans="1:7" s="8" customFormat="1" ht="78" customHeight="1" x14ac:dyDescent="0.25">
      <c r="A34" s="16" t="s">
        <v>56</v>
      </c>
      <c r="B34" s="38" t="s">
        <v>57</v>
      </c>
      <c r="C34" s="39"/>
      <c r="D34" s="39"/>
      <c r="E34" s="39"/>
      <c r="F34" s="12"/>
      <c r="G34" s="13"/>
    </row>
    <row r="35" spans="1:7" s="8" customFormat="1" ht="50.25" customHeight="1" x14ac:dyDescent="0.25">
      <c r="A35" s="16" t="s">
        <v>58</v>
      </c>
      <c r="B35" s="38" t="s">
        <v>59</v>
      </c>
      <c r="C35" s="39"/>
      <c r="D35" s="39"/>
      <c r="E35" s="39"/>
      <c r="F35" s="12"/>
      <c r="G35" s="13"/>
    </row>
    <row r="36" spans="1:7" s="8" customFormat="1" ht="125.25" customHeight="1" x14ac:dyDescent="0.25">
      <c r="A36" s="16" t="s">
        <v>60</v>
      </c>
      <c r="B36" s="38" t="s">
        <v>61</v>
      </c>
      <c r="C36" s="39"/>
      <c r="D36" s="39"/>
      <c r="E36" s="39"/>
      <c r="F36" s="12"/>
      <c r="G36" s="13"/>
    </row>
    <row r="37" spans="1:7" s="8" customFormat="1" ht="50.25" customHeight="1" x14ac:dyDescent="0.25">
      <c r="A37" s="16" t="s">
        <v>62</v>
      </c>
      <c r="B37" s="38" t="s">
        <v>80</v>
      </c>
      <c r="C37" s="39"/>
      <c r="D37" s="39"/>
      <c r="E37" s="39"/>
      <c r="F37" s="18"/>
      <c r="G37" s="19"/>
    </row>
    <row r="38" spans="1:7" s="8" customFormat="1" ht="57" customHeight="1" x14ac:dyDescent="0.25">
      <c r="A38" s="64" t="s">
        <v>106</v>
      </c>
      <c r="B38" s="65"/>
      <c r="C38" s="65"/>
      <c r="D38" s="65"/>
      <c r="E38" s="65"/>
      <c r="F38" s="65"/>
      <c r="G38" s="66"/>
    </row>
    <row r="39" spans="1:7" s="8" customFormat="1" ht="69.75" customHeight="1" x14ac:dyDescent="0.25">
      <c r="A39" s="73" t="s">
        <v>105</v>
      </c>
      <c r="B39" s="74"/>
      <c r="C39" s="74"/>
      <c r="D39" s="74"/>
      <c r="E39" s="74"/>
      <c r="F39" s="74"/>
      <c r="G39" s="75"/>
    </row>
    <row r="40" spans="1:7" s="8" customFormat="1" ht="34.5" customHeight="1" x14ac:dyDescent="0.25">
      <c r="A40" s="76" t="s">
        <v>82</v>
      </c>
      <c r="B40" s="77"/>
      <c r="C40" s="77"/>
      <c r="D40" s="77"/>
      <c r="E40" s="77"/>
      <c r="F40" s="77"/>
      <c r="G40" s="78"/>
    </row>
    <row r="41" spans="1:7" s="8" customFormat="1" ht="31.5" customHeight="1" x14ac:dyDescent="0.25">
      <c r="A41" s="34" t="s">
        <v>6</v>
      </c>
      <c r="B41" s="67" t="s">
        <v>83</v>
      </c>
      <c r="C41" s="68"/>
      <c r="D41" s="68"/>
      <c r="E41" s="69"/>
      <c r="F41" s="35"/>
      <c r="G41" s="36"/>
    </row>
    <row r="42" spans="1:7" s="8" customFormat="1" ht="120" customHeight="1" x14ac:dyDescent="0.25">
      <c r="A42" s="9"/>
      <c r="B42" s="14" t="s">
        <v>84</v>
      </c>
      <c r="C42" s="70" t="s">
        <v>88</v>
      </c>
      <c r="D42" s="71"/>
      <c r="E42" s="72"/>
      <c r="F42" s="12"/>
      <c r="G42" s="13"/>
    </row>
    <row r="43" spans="1:7" s="8" customFormat="1" ht="33.75" customHeight="1" x14ac:dyDescent="0.25">
      <c r="A43" s="9" t="s">
        <v>86</v>
      </c>
      <c r="B43" s="62" t="s">
        <v>85</v>
      </c>
      <c r="C43" s="63"/>
      <c r="D43" s="63"/>
      <c r="E43" s="63"/>
      <c r="F43" s="12"/>
      <c r="G43" s="13"/>
    </row>
    <row r="44" spans="1:7" s="8" customFormat="1" ht="80.099999999999994" customHeight="1" x14ac:dyDescent="0.25">
      <c r="A44" s="9"/>
      <c r="B44" s="14" t="s">
        <v>87</v>
      </c>
      <c r="C44" s="56" t="s">
        <v>94</v>
      </c>
      <c r="D44" s="57"/>
      <c r="E44" s="58"/>
      <c r="F44" s="12"/>
      <c r="G44" s="13"/>
    </row>
    <row r="45" spans="1:7" s="8" customFormat="1" ht="69.95" customHeight="1" x14ac:dyDescent="0.25">
      <c r="A45" s="9"/>
      <c r="B45" s="14" t="s">
        <v>89</v>
      </c>
      <c r="C45" s="56" t="s">
        <v>90</v>
      </c>
      <c r="D45" s="57"/>
      <c r="E45" s="58"/>
      <c r="F45" s="12"/>
      <c r="G45" s="13"/>
    </row>
    <row r="46" spans="1:7" s="8" customFormat="1" ht="45" customHeight="1" x14ac:dyDescent="0.25">
      <c r="A46" s="9"/>
      <c r="B46" s="14" t="s">
        <v>91</v>
      </c>
      <c r="C46" s="56" t="s">
        <v>93</v>
      </c>
      <c r="D46" s="57"/>
      <c r="E46" s="58"/>
      <c r="F46" s="12"/>
      <c r="G46" s="13"/>
    </row>
    <row r="47" spans="1:7" s="8" customFormat="1" ht="45" customHeight="1" x14ac:dyDescent="0.25">
      <c r="A47" s="9"/>
      <c r="B47" s="14" t="s">
        <v>95</v>
      </c>
      <c r="C47" s="56" t="s">
        <v>92</v>
      </c>
      <c r="D47" s="57"/>
      <c r="E47" s="58"/>
      <c r="F47" s="12"/>
      <c r="G47" s="13"/>
    </row>
    <row r="48" spans="1:7" s="8" customFormat="1" ht="71.25" customHeight="1" x14ac:dyDescent="0.25">
      <c r="A48" s="9"/>
      <c r="B48" s="14" t="s">
        <v>97</v>
      </c>
      <c r="C48" s="56" t="s">
        <v>96</v>
      </c>
      <c r="D48" s="57"/>
      <c r="E48" s="58"/>
      <c r="F48" s="12"/>
      <c r="G48" s="13"/>
    </row>
    <row r="49" spans="1:7" s="8" customFormat="1" ht="51" customHeight="1" x14ac:dyDescent="0.25">
      <c r="A49" s="9" t="s">
        <v>10</v>
      </c>
      <c r="B49" s="59" t="s">
        <v>98</v>
      </c>
      <c r="C49" s="60"/>
      <c r="D49" s="60"/>
      <c r="E49" s="61"/>
      <c r="F49" s="12"/>
      <c r="G49" s="13"/>
    </row>
    <row r="50" spans="1:7" s="8" customFormat="1" ht="120" customHeight="1" x14ac:dyDescent="0.25">
      <c r="A50" s="9"/>
      <c r="B50" s="14" t="s">
        <v>12</v>
      </c>
      <c r="C50" s="56" t="s">
        <v>99</v>
      </c>
      <c r="D50" s="57"/>
      <c r="E50" s="58"/>
      <c r="F50" s="12"/>
      <c r="G50" s="13"/>
    </row>
    <row r="51" spans="1:7" s="8" customFormat="1" ht="33" customHeight="1" x14ac:dyDescent="0.25">
      <c r="A51" s="9"/>
      <c r="B51" s="14" t="s">
        <v>102</v>
      </c>
      <c r="C51" s="56" t="s">
        <v>100</v>
      </c>
      <c r="D51" s="57"/>
      <c r="E51" s="58"/>
      <c r="F51" s="12"/>
      <c r="G51" s="13"/>
    </row>
    <row r="52" spans="1:7" s="8" customFormat="1" ht="54.95" customHeight="1" x14ac:dyDescent="0.25">
      <c r="A52" s="9"/>
      <c r="B52" s="14" t="s">
        <v>103</v>
      </c>
      <c r="C52" s="56" t="s">
        <v>101</v>
      </c>
      <c r="D52" s="57"/>
      <c r="E52" s="58"/>
      <c r="F52" s="12"/>
      <c r="G52" s="13"/>
    </row>
    <row r="53" spans="1:7" s="8" customFormat="1" ht="32.25" customHeight="1" x14ac:dyDescent="0.25">
      <c r="A53" s="9" t="s">
        <v>14</v>
      </c>
      <c r="B53" s="50" t="s">
        <v>104</v>
      </c>
      <c r="C53" s="51"/>
      <c r="D53" s="51"/>
      <c r="E53" s="52"/>
      <c r="F53" s="12"/>
      <c r="G53" s="13"/>
    </row>
    <row r="54" spans="1:7" s="8" customFormat="1" ht="50.1" customHeight="1" x14ac:dyDescent="0.25">
      <c r="A54" s="16" t="s">
        <v>36</v>
      </c>
      <c r="B54" s="47" t="s">
        <v>171</v>
      </c>
      <c r="C54" s="48"/>
      <c r="D54" s="48"/>
      <c r="E54" s="49"/>
      <c r="F54" s="12"/>
      <c r="G54" s="13"/>
    </row>
    <row r="55" spans="1:7" s="37" customFormat="1" ht="30" customHeight="1" x14ac:dyDescent="0.25">
      <c r="A55" s="53" t="s">
        <v>108</v>
      </c>
      <c r="B55" s="53"/>
      <c r="C55" s="53"/>
      <c r="D55" s="53"/>
      <c r="E55" s="53"/>
      <c r="F55" s="53"/>
      <c r="G55" s="53"/>
    </row>
    <row r="56" spans="1:7" s="8" customFormat="1" ht="39" customHeight="1" x14ac:dyDescent="0.25">
      <c r="A56" s="16" t="s">
        <v>6</v>
      </c>
      <c r="B56" s="50" t="s">
        <v>109</v>
      </c>
      <c r="C56" s="51"/>
      <c r="D56" s="51"/>
      <c r="E56" s="52"/>
      <c r="F56" s="12"/>
      <c r="G56" s="13"/>
    </row>
    <row r="57" spans="1:7" s="8" customFormat="1" ht="27.75" customHeight="1" x14ac:dyDescent="0.25">
      <c r="A57" s="16" t="s">
        <v>8</v>
      </c>
      <c r="B57" s="54" t="s">
        <v>110</v>
      </c>
      <c r="C57" s="55"/>
      <c r="D57" s="55"/>
      <c r="E57" s="44"/>
      <c r="F57" s="12"/>
      <c r="G57" s="13"/>
    </row>
    <row r="58" spans="1:7" s="8" customFormat="1" ht="39" customHeight="1" x14ac:dyDescent="0.25">
      <c r="A58" s="16" t="s">
        <v>10</v>
      </c>
      <c r="B58" s="38" t="s">
        <v>111</v>
      </c>
      <c r="C58" s="39"/>
      <c r="D58" s="39"/>
      <c r="E58" s="39"/>
      <c r="F58" s="12"/>
      <c r="G58" s="13"/>
    </row>
    <row r="59" spans="1:7" s="8" customFormat="1" ht="142.5" customHeight="1" x14ac:dyDescent="0.25">
      <c r="A59" s="16" t="s">
        <v>14</v>
      </c>
      <c r="B59" s="38" t="s">
        <v>112</v>
      </c>
      <c r="C59" s="39"/>
      <c r="D59" s="39"/>
      <c r="E59" s="39"/>
      <c r="F59" s="12"/>
      <c r="G59" s="13"/>
    </row>
    <row r="60" spans="1:7" s="8" customFormat="1" ht="30" customHeight="1" x14ac:dyDescent="0.25">
      <c r="A60" s="16" t="s">
        <v>36</v>
      </c>
      <c r="B60" s="38" t="s">
        <v>113</v>
      </c>
      <c r="C60" s="39"/>
      <c r="D60" s="39"/>
      <c r="E60" s="39"/>
      <c r="F60" s="12"/>
      <c r="G60" s="13"/>
    </row>
    <row r="61" spans="1:7" s="8" customFormat="1" ht="57" customHeight="1" x14ac:dyDescent="0.25">
      <c r="A61" s="16" t="s">
        <v>38</v>
      </c>
      <c r="B61" s="45" t="s">
        <v>114</v>
      </c>
      <c r="C61" s="46"/>
      <c r="D61" s="46"/>
      <c r="E61" s="46"/>
      <c r="F61" s="12"/>
      <c r="G61" s="13"/>
    </row>
    <row r="62" spans="1:7" s="8" customFormat="1" ht="240" customHeight="1" x14ac:dyDescent="0.25">
      <c r="A62" s="17" t="s">
        <v>40</v>
      </c>
      <c r="B62" s="45" t="s">
        <v>115</v>
      </c>
      <c r="C62" s="46"/>
      <c r="D62" s="46"/>
      <c r="E62" s="46"/>
      <c r="F62" s="12"/>
      <c r="G62" s="13"/>
    </row>
    <row r="63" spans="1:7" s="8" customFormat="1" ht="63" customHeight="1" x14ac:dyDescent="0.25">
      <c r="A63" s="16" t="s">
        <v>42</v>
      </c>
      <c r="B63" s="45" t="s">
        <v>116</v>
      </c>
      <c r="C63" s="46"/>
      <c r="D63" s="46"/>
      <c r="E63" s="46"/>
      <c r="F63" s="12"/>
      <c r="G63" s="13"/>
    </row>
    <row r="64" spans="1:7" s="8" customFormat="1" ht="78" customHeight="1" x14ac:dyDescent="0.25">
      <c r="A64" s="16" t="s">
        <v>44</v>
      </c>
      <c r="B64" s="38" t="s">
        <v>117</v>
      </c>
      <c r="C64" s="39"/>
      <c r="D64" s="39"/>
      <c r="E64" s="39"/>
      <c r="F64" s="12"/>
      <c r="G64" s="13"/>
    </row>
    <row r="65" spans="1:7" s="8" customFormat="1" ht="99.95" customHeight="1" x14ac:dyDescent="0.25">
      <c r="A65" s="16" t="s">
        <v>46</v>
      </c>
      <c r="B65" s="38" t="s">
        <v>118</v>
      </c>
      <c r="C65" s="39"/>
      <c r="D65" s="39"/>
      <c r="E65" s="39"/>
      <c r="F65" s="12"/>
      <c r="G65" s="13"/>
    </row>
    <row r="66" spans="1:7" s="8" customFormat="1" ht="30" customHeight="1" x14ac:dyDescent="0.25">
      <c r="A66" s="16" t="s">
        <v>48</v>
      </c>
      <c r="B66" s="38" t="s">
        <v>119</v>
      </c>
      <c r="C66" s="39"/>
      <c r="D66" s="39"/>
      <c r="E66" s="39"/>
      <c r="F66" s="12"/>
      <c r="G66" s="13"/>
    </row>
    <row r="67" spans="1:7" s="8" customFormat="1" ht="90" customHeight="1" x14ac:dyDescent="0.25">
      <c r="A67" s="16" t="s">
        <v>50</v>
      </c>
      <c r="B67" s="38" t="s">
        <v>120</v>
      </c>
      <c r="C67" s="39"/>
      <c r="D67" s="39"/>
      <c r="E67" s="39"/>
      <c r="F67" s="18"/>
      <c r="G67" s="19"/>
    </row>
    <row r="68" spans="1:7" s="8" customFormat="1" ht="72.75" customHeight="1" x14ac:dyDescent="0.25">
      <c r="A68" s="16" t="s">
        <v>52</v>
      </c>
      <c r="B68" s="38" t="s">
        <v>121</v>
      </c>
      <c r="C68" s="39"/>
      <c r="D68" s="39"/>
      <c r="E68" s="39"/>
      <c r="F68" s="12"/>
      <c r="G68" s="13"/>
    </row>
    <row r="69" spans="1:7" s="8" customFormat="1" ht="30" customHeight="1" x14ac:dyDescent="0.25">
      <c r="A69" s="16" t="s">
        <v>54</v>
      </c>
      <c r="B69" s="38" t="s">
        <v>122</v>
      </c>
      <c r="C69" s="39"/>
      <c r="D69" s="39"/>
      <c r="E69" s="39"/>
      <c r="F69" s="12"/>
      <c r="G69" s="13"/>
    </row>
    <row r="70" spans="1:7" s="8" customFormat="1" ht="80.099999999999994" customHeight="1" x14ac:dyDescent="0.25">
      <c r="A70" s="16" t="s">
        <v>56</v>
      </c>
      <c r="B70" s="38" t="s">
        <v>135</v>
      </c>
      <c r="C70" s="39"/>
      <c r="D70" s="39"/>
      <c r="E70" s="39"/>
      <c r="F70" s="12"/>
      <c r="G70" s="13"/>
    </row>
    <row r="71" spans="1:7" s="8" customFormat="1" ht="132" customHeight="1" x14ac:dyDescent="0.25">
      <c r="A71" s="16" t="s">
        <v>58</v>
      </c>
      <c r="B71" s="38" t="s">
        <v>136</v>
      </c>
      <c r="C71" s="39"/>
      <c r="D71" s="39"/>
      <c r="E71" s="39"/>
      <c r="F71" s="12"/>
      <c r="G71" s="13"/>
    </row>
    <row r="72" spans="1:7" s="8" customFormat="1" ht="90" customHeight="1" x14ac:dyDescent="0.25">
      <c r="A72" s="16" t="s">
        <v>60</v>
      </c>
      <c r="B72" s="38" t="s">
        <v>137</v>
      </c>
      <c r="C72" s="39"/>
      <c r="D72" s="39"/>
      <c r="E72" s="39"/>
      <c r="F72" s="18"/>
      <c r="G72" s="19"/>
    </row>
    <row r="73" spans="1:7" s="8" customFormat="1" ht="50.25" customHeight="1" x14ac:dyDescent="0.25">
      <c r="A73" s="16" t="s">
        <v>62</v>
      </c>
      <c r="B73" s="38" t="s">
        <v>138</v>
      </c>
      <c r="C73" s="39"/>
      <c r="D73" s="39"/>
      <c r="E73" s="39"/>
      <c r="F73" s="12"/>
      <c r="G73" s="13"/>
    </row>
    <row r="74" spans="1:7" s="8" customFormat="1" ht="50.1" customHeight="1" x14ac:dyDescent="0.25">
      <c r="A74" s="16" t="s">
        <v>123</v>
      </c>
      <c r="B74" s="38" t="s">
        <v>139</v>
      </c>
      <c r="C74" s="39"/>
      <c r="D74" s="39"/>
      <c r="E74" s="39"/>
      <c r="F74" s="12"/>
      <c r="G74" s="13"/>
    </row>
    <row r="75" spans="1:7" s="8" customFormat="1" ht="50.25" customHeight="1" x14ac:dyDescent="0.25">
      <c r="A75" s="16" t="s">
        <v>124</v>
      </c>
      <c r="B75" s="38" t="s">
        <v>140</v>
      </c>
      <c r="C75" s="39"/>
      <c r="D75" s="39"/>
      <c r="E75" s="39"/>
      <c r="F75" s="18"/>
      <c r="G75" s="19"/>
    </row>
    <row r="76" spans="1:7" s="8" customFormat="1" ht="50.25" customHeight="1" x14ac:dyDescent="0.25">
      <c r="A76" s="16" t="s">
        <v>125</v>
      </c>
      <c r="B76" s="38" t="s">
        <v>141</v>
      </c>
      <c r="C76" s="39"/>
      <c r="D76" s="39"/>
      <c r="E76" s="39"/>
      <c r="F76" s="12"/>
      <c r="G76" s="13"/>
    </row>
    <row r="77" spans="1:7" s="8" customFormat="1" ht="115.5" customHeight="1" x14ac:dyDescent="0.25">
      <c r="A77" s="16" t="s">
        <v>126</v>
      </c>
      <c r="B77" s="38" t="s">
        <v>142</v>
      </c>
      <c r="C77" s="39"/>
      <c r="D77" s="39"/>
      <c r="E77" s="39"/>
      <c r="F77" s="12"/>
      <c r="G77" s="13"/>
    </row>
    <row r="78" spans="1:7" s="8" customFormat="1" ht="50.25" customHeight="1" x14ac:dyDescent="0.25">
      <c r="A78" s="16" t="s">
        <v>127</v>
      </c>
      <c r="B78" s="38" t="s">
        <v>143</v>
      </c>
      <c r="C78" s="39"/>
      <c r="D78" s="39"/>
      <c r="E78" s="39"/>
      <c r="F78" s="18"/>
      <c r="G78" s="19"/>
    </row>
    <row r="79" spans="1:7" s="8" customFormat="1" ht="50.25" customHeight="1" x14ac:dyDescent="0.25">
      <c r="A79" s="16" t="s">
        <v>128</v>
      </c>
      <c r="B79" s="38" t="s">
        <v>144</v>
      </c>
      <c r="C79" s="39"/>
      <c r="D79" s="39"/>
      <c r="E79" s="39"/>
      <c r="F79" s="12"/>
      <c r="G79" s="13"/>
    </row>
    <row r="80" spans="1:7" s="8" customFormat="1" ht="69.75" customHeight="1" x14ac:dyDescent="0.25">
      <c r="A80" s="16" t="s">
        <v>129</v>
      </c>
      <c r="B80" s="38" t="s">
        <v>145</v>
      </c>
      <c r="C80" s="39"/>
      <c r="D80" s="39"/>
      <c r="E80" s="39"/>
      <c r="F80" s="12"/>
      <c r="G80" s="13"/>
    </row>
    <row r="81" spans="1:7" s="8" customFormat="1" ht="69.95" customHeight="1" x14ac:dyDescent="0.25">
      <c r="A81" s="16" t="s">
        <v>130</v>
      </c>
      <c r="B81" s="38" t="s">
        <v>146</v>
      </c>
      <c r="C81" s="39"/>
      <c r="D81" s="39"/>
      <c r="E81" s="39"/>
      <c r="F81" s="12"/>
      <c r="G81" s="13"/>
    </row>
    <row r="82" spans="1:7" s="8" customFormat="1" ht="180" customHeight="1" x14ac:dyDescent="0.25">
      <c r="A82" s="16" t="s">
        <v>131</v>
      </c>
      <c r="B82" s="38" t="s">
        <v>147</v>
      </c>
      <c r="C82" s="39"/>
      <c r="D82" s="39"/>
      <c r="E82" s="39"/>
      <c r="F82" s="12"/>
      <c r="G82" s="13"/>
    </row>
    <row r="83" spans="1:7" s="8" customFormat="1" ht="111" customHeight="1" x14ac:dyDescent="0.25">
      <c r="A83" s="16" t="s">
        <v>132</v>
      </c>
      <c r="B83" s="38" t="s">
        <v>148</v>
      </c>
      <c r="C83" s="39"/>
      <c r="D83" s="39"/>
      <c r="E83" s="39"/>
      <c r="F83" s="18"/>
      <c r="G83" s="19"/>
    </row>
    <row r="84" spans="1:7" s="8" customFormat="1" ht="99.95" customHeight="1" x14ac:dyDescent="0.25">
      <c r="A84" s="16" t="s">
        <v>133</v>
      </c>
      <c r="B84" s="38" t="s">
        <v>149</v>
      </c>
      <c r="C84" s="39"/>
      <c r="D84" s="39"/>
      <c r="E84" s="39"/>
      <c r="F84" s="12"/>
      <c r="G84" s="13"/>
    </row>
    <row r="85" spans="1:7" s="8" customFormat="1" ht="80.099999999999994" customHeight="1" x14ac:dyDescent="0.25">
      <c r="A85" s="16" t="s">
        <v>134</v>
      </c>
      <c r="B85" s="38" t="s">
        <v>150</v>
      </c>
      <c r="C85" s="39"/>
      <c r="D85" s="39"/>
      <c r="E85" s="39"/>
      <c r="F85" s="12"/>
      <c r="G85" s="13"/>
    </row>
    <row r="86" spans="1:7" s="8" customFormat="1" ht="107.25" customHeight="1" x14ac:dyDescent="0.25">
      <c r="A86" s="16" t="s">
        <v>151</v>
      </c>
      <c r="B86" s="38" t="s">
        <v>153</v>
      </c>
      <c r="C86" s="39"/>
      <c r="D86" s="39"/>
      <c r="E86" s="39"/>
      <c r="F86" s="18"/>
      <c r="G86" s="19"/>
    </row>
    <row r="87" spans="1:7" s="8" customFormat="1" ht="50.25" customHeight="1" x14ac:dyDescent="0.25">
      <c r="A87" s="16" t="s">
        <v>152</v>
      </c>
      <c r="B87" s="38" t="s">
        <v>154</v>
      </c>
      <c r="C87" s="39"/>
      <c r="D87" s="39"/>
      <c r="E87" s="39"/>
      <c r="F87" s="12"/>
      <c r="G87" s="13"/>
    </row>
    <row r="88" spans="1:7" s="8" customFormat="1" ht="30" customHeight="1" x14ac:dyDescent="0.25">
      <c r="A88" s="16" t="s">
        <v>155</v>
      </c>
      <c r="B88" s="38" t="s">
        <v>159</v>
      </c>
      <c r="C88" s="39"/>
      <c r="D88" s="39"/>
      <c r="E88" s="39"/>
      <c r="F88" s="12"/>
      <c r="G88" s="13"/>
    </row>
    <row r="89" spans="1:7" s="8" customFormat="1" ht="24.95" customHeight="1" x14ac:dyDescent="0.25">
      <c r="A89" s="16" t="s">
        <v>156</v>
      </c>
      <c r="B89" s="38" t="s">
        <v>160</v>
      </c>
      <c r="C89" s="39"/>
      <c r="D89" s="39"/>
      <c r="E89" s="39"/>
      <c r="F89" s="18"/>
      <c r="G89" s="19"/>
    </row>
    <row r="90" spans="1:7" s="8" customFormat="1" ht="50.25" customHeight="1" x14ac:dyDescent="0.25">
      <c r="A90" s="40" t="s">
        <v>157</v>
      </c>
      <c r="B90" s="41"/>
      <c r="C90" s="42"/>
      <c r="D90" s="43" t="s">
        <v>161</v>
      </c>
      <c r="E90" s="44"/>
      <c r="F90" s="12"/>
      <c r="G90" s="13"/>
    </row>
    <row r="91" spans="1:7" s="8" customFormat="1" ht="50.25" customHeight="1" x14ac:dyDescent="0.25">
      <c r="A91" s="40" t="s">
        <v>158</v>
      </c>
      <c r="B91" s="41"/>
      <c r="C91" s="42"/>
      <c r="D91" s="43" t="s">
        <v>162</v>
      </c>
      <c r="E91" s="44"/>
      <c r="F91" s="12"/>
      <c r="G91" s="13"/>
    </row>
    <row r="92" spans="1:7" s="8" customFormat="1" ht="115.5" customHeight="1" x14ac:dyDescent="0.25">
      <c r="A92" s="16" t="s">
        <v>164</v>
      </c>
      <c r="B92" s="38" t="s">
        <v>163</v>
      </c>
      <c r="C92" s="39"/>
      <c r="D92" s="39"/>
      <c r="E92" s="39"/>
      <c r="F92" s="12"/>
      <c r="G92" s="13"/>
    </row>
    <row r="93" spans="1:7" s="8" customFormat="1" ht="99.95" customHeight="1" x14ac:dyDescent="0.25">
      <c r="A93" s="16" t="s">
        <v>165</v>
      </c>
      <c r="B93" s="38" t="s">
        <v>167</v>
      </c>
      <c r="C93" s="39"/>
      <c r="D93" s="39"/>
      <c r="E93" s="39"/>
      <c r="F93" s="18"/>
      <c r="G93" s="19"/>
    </row>
    <row r="94" spans="1:7" s="8" customFormat="1" ht="50.25" customHeight="1" x14ac:dyDescent="0.25">
      <c r="A94" s="40" t="s">
        <v>168</v>
      </c>
      <c r="B94" s="41"/>
      <c r="C94" s="42"/>
      <c r="D94" s="43" t="s">
        <v>169</v>
      </c>
      <c r="E94" s="44"/>
      <c r="F94" s="12"/>
      <c r="G94" s="13"/>
    </row>
    <row r="95" spans="1:7" s="8" customFormat="1" ht="110.1" customHeight="1" x14ac:dyDescent="0.25">
      <c r="A95" s="16" t="s">
        <v>166</v>
      </c>
      <c r="B95" s="38" t="s">
        <v>170</v>
      </c>
      <c r="C95" s="39"/>
      <c r="D95" s="39"/>
      <c r="E95" s="39"/>
      <c r="F95" s="12"/>
      <c r="G95" s="13"/>
    </row>
    <row r="96" spans="1:7" s="8" customFormat="1" ht="20.100000000000001" customHeight="1" x14ac:dyDescent="0.25">
      <c r="A96" s="83" t="s">
        <v>63</v>
      </c>
      <c r="B96" s="84"/>
      <c r="C96" s="84"/>
      <c r="D96" s="84"/>
      <c r="E96" s="85"/>
      <c r="F96" s="20"/>
      <c r="G96" s="21"/>
    </row>
    <row r="97" spans="1:8" s="8" customFormat="1" ht="20.100000000000001" customHeight="1" x14ac:dyDescent="0.25">
      <c r="A97" s="22" t="s">
        <v>6</v>
      </c>
      <c r="B97" s="54" t="s">
        <v>1</v>
      </c>
      <c r="C97" s="86"/>
      <c r="D97" s="86"/>
      <c r="E97" s="87"/>
      <c r="F97" s="20"/>
      <c r="G97" s="21"/>
    </row>
    <row r="98" spans="1:8" s="23" customFormat="1" ht="24.95" customHeight="1" x14ac:dyDescent="0.25">
      <c r="A98" s="88" t="s">
        <v>64</v>
      </c>
      <c r="B98" s="88"/>
      <c r="C98" s="88"/>
      <c r="D98" s="88"/>
      <c r="E98" s="88"/>
      <c r="F98" s="88"/>
      <c r="G98" s="88"/>
    </row>
    <row r="99" spans="1:8" ht="24.95" customHeight="1" x14ac:dyDescent="0.25">
      <c r="A99" s="89" t="s">
        <v>65</v>
      </c>
      <c r="B99" s="89"/>
      <c r="C99" s="89"/>
      <c r="D99" s="89"/>
      <c r="E99" s="90"/>
      <c r="F99" s="90"/>
    </row>
    <row r="100" spans="1:8" ht="15" customHeight="1" x14ac:dyDescent="0.25">
      <c r="A100" s="89" t="s">
        <v>66</v>
      </c>
      <c r="B100" s="89"/>
      <c r="C100" s="89"/>
      <c r="D100" s="89"/>
      <c r="E100" s="90" t="str">
        <f>IF('[1]Príloha č. 1'!$C$7="","",'[1]Príloha č. 1'!$C$7)</f>
        <v/>
      </c>
      <c r="F100" s="90"/>
    </row>
    <row r="101" spans="1:8" x14ac:dyDescent="0.25">
      <c r="A101" s="89" t="s">
        <v>67</v>
      </c>
      <c r="B101" s="89"/>
      <c r="C101" s="89"/>
      <c r="D101" s="89"/>
      <c r="E101" s="90" t="str">
        <f>IF('[1]Príloha č. 1'!$C$8="","",'[1]Príloha č. 1'!$C$8)</f>
        <v/>
      </c>
      <c r="F101" s="90"/>
    </row>
    <row r="102" spans="1:8" x14ac:dyDescent="0.25">
      <c r="A102" s="89" t="s">
        <v>68</v>
      </c>
      <c r="B102" s="89"/>
      <c r="C102" s="89"/>
      <c r="D102" s="89"/>
      <c r="E102" s="90" t="str">
        <f>IF('[1]Príloha č. 1'!$C$9="","",'[1]Príloha č. 1'!$C$9)</f>
        <v/>
      </c>
      <c r="F102" s="90"/>
    </row>
    <row r="103" spans="1:8" s="24" customFormat="1" ht="30" customHeight="1" x14ac:dyDescent="0.25">
      <c r="A103" s="91" t="s">
        <v>69</v>
      </c>
      <c r="B103" s="91"/>
      <c r="C103" s="91"/>
      <c r="D103" s="91"/>
      <c r="E103" s="91"/>
      <c r="F103" s="91"/>
      <c r="G103" s="91"/>
    </row>
    <row r="104" spans="1:8" s="5" customFormat="1" ht="15.75" customHeight="1" x14ac:dyDescent="0.25">
      <c r="A104" s="89" t="s">
        <v>70</v>
      </c>
      <c r="B104" s="89"/>
      <c r="C104" s="89"/>
      <c r="D104" s="89"/>
      <c r="E104" s="94" t="str">
        <f>IF('[1]Príloha č. 1'!$C$12="","",'[1]Príloha č. 1'!$C$12)</f>
        <v/>
      </c>
      <c r="F104" s="94"/>
      <c r="H104" s="25"/>
    </row>
    <row r="105" spans="1:8" s="5" customFormat="1" x14ac:dyDescent="0.25">
      <c r="A105" s="93" t="s">
        <v>71</v>
      </c>
      <c r="B105" s="93"/>
      <c r="C105" s="93"/>
      <c r="D105" s="93"/>
      <c r="E105" s="90" t="str">
        <f>IF('[1]Príloha č. 1'!$C$13="","",'[1]Príloha č. 1'!$C$13)</f>
        <v/>
      </c>
      <c r="F105" s="90"/>
      <c r="H105" s="24"/>
    </row>
    <row r="106" spans="1:8" s="5" customFormat="1" x14ac:dyDescent="0.25">
      <c r="A106" s="89" t="s">
        <v>72</v>
      </c>
      <c r="B106" s="89"/>
      <c r="C106" s="89"/>
      <c r="D106" s="89"/>
      <c r="E106" s="90" t="str">
        <f>IF('[1]Príloha č. 1'!$C$14="","",'[1]Príloha č. 1'!$C$14)</f>
        <v/>
      </c>
      <c r="F106" s="90"/>
      <c r="H106" s="24"/>
    </row>
    <row r="107" spans="1:8" s="5" customFormat="1" x14ac:dyDescent="0.25">
      <c r="A107" s="89" t="s">
        <v>73</v>
      </c>
      <c r="B107" s="89"/>
      <c r="C107" s="89"/>
      <c r="D107" s="89"/>
      <c r="E107" s="90" t="str">
        <f>IF('[1]Príloha č. 1'!$C$15="","",'[1]Príloha č. 1'!$C$15)</f>
        <v/>
      </c>
      <c r="F107" s="90"/>
      <c r="H107" s="24"/>
    </row>
    <row r="108" spans="1:8" s="25" customFormat="1" x14ac:dyDescent="0.25"/>
    <row r="109" spans="1:8" s="25" customFormat="1" ht="15" customHeight="1" x14ac:dyDescent="0.25">
      <c r="A109" s="25" t="s">
        <v>74</v>
      </c>
      <c r="B109" s="79" t="str">
        <f>IF('[1]Príloha č. 1'!B25:C25="","",'[1]Príloha č. 1'!B25:C25)</f>
        <v/>
      </c>
      <c r="C109" s="79"/>
      <c r="D109" s="79"/>
    </row>
    <row r="110" spans="1:8" s="25" customFormat="1" ht="15" customHeight="1" x14ac:dyDescent="0.25">
      <c r="A110" s="25" t="s">
        <v>75</v>
      </c>
      <c r="B110" s="80" t="str">
        <f>IF('[1]Príloha č. 1'!B26:C26="","",'[1]Príloha č. 1'!B26:C26)</f>
        <v/>
      </c>
      <c r="C110" s="80"/>
      <c r="D110" s="80"/>
      <c r="E110" s="26" t="s">
        <v>76</v>
      </c>
      <c r="G110" s="27"/>
    </row>
    <row r="111" spans="1:8" s="25" customFormat="1" x14ac:dyDescent="0.25">
      <c r="E111" s="26" t="s">
        <v>77</v>
      </c>
      <c r="F111" s="81" t="str">
        <f>IF('[1]Príloha č. 1'!$D$29="","",'[1]Príloha č. 1'!$D$29)</f>
        <v/>
      </c>
      <c r="G111" s="81"/>
    </row>
    <row r="112" spans="1:8" x14ac:dyDescent="0.25">
      <c r="F112" s="26"/>
    </row>
    <row r="113" spans="1:8" ht="9.75" customHeight="1" x14ac:dyDescent="0.25">
      <c r="F113" s="26"/>
    </row>
    <row r="114" spans="1:8" s="29" customFormat="1" ht="11.25" x14ac:dyDescent="0.2">
      <c r="A114" s="82" t="s">
        <v>78</v>
      </c>
      <c r="B114" s="82"/>
      <c r="C114" s="82"/>
      <c r="D114" s="82"/>
      <c r="E114" s="28"/>
    </row>
    <row r="115" spans="1:8" s="31" customFormat="1" ht="15" customHeight="1" x14ac:dyDescent="0.2">
      <c r="A115" s="30"/>
      <c r="B115" s="92" t="s">
        <v>79</v>
      </c>
      <c r="C115" s="92"/>
      <c r="D115" s="92"/>
      <c r="G115" s="32"/>
      <c r="H115" s="33"/>
    </row>
  </sheetData>
  <mergeCells count="122">
    <mergeCell ref="B13:E13"/>
    <mergeCell ref="A1:D1"/>
    <mergeCell ref="A2:G2"/>
    <mergeCell ref="A3:F3"/>
    <mergeCell ref="A4:G4"/>
    <mergeCell ref="A6:E7"/>
    <mergeCell ref="F6:G6"/>
    <mergeCell ref="A8:G8"/>
    <mergeCell ref="B9:E9"/>
    <mergeCell ref="B10:E10"/>
    <mergeCell ref="B11:E11"/>
    <mergeCell ref="C12:E12"/>
    <mergeCell ref="B25:E25"/>
    <mergeCell ref="C14:E14"/>
    <mergeCell ref="C15:E15"/>
    <mergeCell ref="C16:E16"/>
    <mergeCell ref="C17:E17"/>
    <mergeCell ref="C18:E18"/>
    <mergeCell ref="C19:E19"/>
    <mergeCell ref="C20:E20"/>
    <mergeCell ref="C21:E21"/>
    <mergeCell ref="C22:E22"/>
    <mergeCell ref="C23:E23"/>
    <mergeCell ref="B24:E24"/>
    <mergeCell ref="B37:E37"/>
    <mergeCell ref="B26:E26"/>
    <mergeCell ref="B27:E27"/>
    <mergeCell ref="B28:E28"/>
    <mergeCell ref="B29:E29"/>
    <mergeCell ref="B30:E30"/>
    <mergeCell ref="B31:E31"/>
    <mergeCell ref="B32:E32"/>
    <mergeCell ref="B33:E33"/>
    <mergeCell ref="B34:E34"/>
    <mergeCell ref="B35:E35"/>
    <mergeCell ref="B36:E36"/>
    <mergeCell ref="B115:D115"/>
    <mergeCell ref="A105:D105"/>
    <mergeCell ref="E105:F105"/>
    <mergeCell ref="A106:D106"/>
    <mergeCell ref="E106:F106"/>
    <mergeCell ref="A107:D107"/>
    <mergeCell ref="E107:F107"/>
    <mergeCell ref="A104:D104"/>
    <mergeCell ref="E104:F104"/>
    <mergeCell ref="A38:G38"/>
    <mergeCell ref="B41:E41"/>
    <mergeCell ref="C42:E42"/>
    <mergeCell ref="A39:G39"/>
    <mergeCell ref="A40:G40"/>
    <mergeCell ref="B109:D109"/>
    <mergeCell ref="B110:D110"/>
    <mergeCell ref="F111:G111"/>
    <mergeCell ref="A114:D114"/>
    <mergeCell ref="A96:E96"/>
    <mergeCell ref="B97:E97"/>
    <mergeCell ref="A98:G98"/>
    <mergeCell ref="A99:D99"/>
    <mergeCell ref="E99:F99"/>
    <mergeCell ref="A100:D100"/>
    <mergeCell ref="E100:F100"/>
    <mergeCell ref="A101:D101"/>
    <mergeCell ref="E101:F101"/>
    <mergeCell ref="A102:D102"/>
    <mergeCell ref="E102:F102"/>
    <mergeCell ref="A103:G103"/>
    <mergeCell ref="C48:E48"/>
    <mergeCell ref="C50:E50"/>
    <mergeCell ref="C51:E51"/>
    <mergeCell ref="C52:E52"/>
    <mergeCell ref="B49:E49"/>
    <mergeCell ref="B43:E43"/>
    <mergeCell ref="C44:E44"/>
    <mergeCell ref="C45:E45"/>
    <mergeCell ref="C46:E46"/>
    <mergeCell ref="C47:E47"/>
    <mergeCell ref="B58:E58"/>
    <mergeCell ref="B59:E59"/>
    <mergeCell ref="B60:E60"/>
    <mergeCell ref="B61:E61"/>
    <mergeCell ref="B62:E62"/>
    <mergeCell ref="B54:E54"/>
    <mergeCell ref="B53:E53"/>
    <mergeCell ref="A55:G55"/>
    <mergeCell ref="B56:E56"/>
    <mergeCell ref="B57:E57"/>
    <mergeCell ref="B63:E63"/>
    <mergeCell ref="B64:E64"/>
    <mergeCell ref="B95:E95"/>
    <mergeCell ref="B81:E81"/>
    <mergeCell ref="B82:E82"/>
    <mergeCell ref="B83:E83"/>
    <mergeCell ref="B76:E76"/>
    <mergeCell ref="B77:E77"/>
    <mergeCell ref="B78:E78"/>
    <mergeCell ref="B79:E79"/>
    <mergeCell ref="B80:E80"/>
    <mergeCell ref="B65:E65"/>
    <mergeCell ref="B66:E66"/>
    <mergeCell ref="B67:E67"/>
    <mergeCell ref="B73:E73"/>
    <mergeCell ref="B74:E74"/>
    <mergeCell ref="B75:E75"/>
    <mergeCell ref="B92:E92"/>
    <mergeCell ref="B68:E68"/>
    <mergeCell ref="B69:E69"/>
    <mergeCell ref="B70:E70"/>
    <mergeCell ref="B71:E71"/>
    <mergeCell ref="B72:E72"/>
    <mergeCell ref="A94:C94"/>
    <mergeCell ref="D94:E94"/>
    <mergeCell ref="B93:E93"/>
    <mergeCell ref="B87:E87"/>
    <mergeCell ref="B88:E88"/>
    <mergeCell ref="B89:E89"/>
    <mergeCell ref="B84:E84"/>
    <mergeCell ref="B85:E85"/>
    <mergeCell ref="B86:E86"/>
    <mergeCell ref="A91:C91"/>
    <mergeCell ref="D91:E91"/>
    <mergeCell ref="A90:C90"/>
    <mergeCell ref="D90:E90"/>
  </mergeCells>
  <conditionalFormatting sqref="E99:F102">
    <cfRule type="containsBlanks" dxfId="8" priority="9">
      <formula>LEN(TRIM(E99))=0</formula>
    </cfRule>
  </conditionalFormatting>
  <conditionalFormatting sqref="E99:F102">
    <cfRule type="containsBlanks" dxfId="7" priority="8">
      <formula>LEN(TRIM(E99))=0</formula>
    </cfRule>
  </conditionalFormatting>
  <conditionalFormatting sqref="B109:D110">
    <cfRule type="containsBlanks" dxfId="6" priority="7">
      <formula>LEN(TRIM(B109))=0</formula>
    </cfRule>
  </conditionalFormatting>
  <conditionalFormatting sqref="E104:F104">
    <cfRule type="containsBlanks" dxfId="5" priority="6">
      <formula>LEN(TRIM(E104))=0</formula>
    </cfRule>
  </conditionalFormatting>
  <conditionalFormatting sqref="E105:F107">
    <cfRule type="containsBlanks" dxfId="4" priority="5">
      <formula>LEN(TRIM(E105))=0</formula>
    </cfRule>
  </conditionalFormatting>
  <conditionalFormatting sqref="E104:F107">
    <cfRule type="containsBlanks" dxfId="3" priority="4">
      <formula>LEN(TRIM(E104))=0</formula>
    </cfRule>
  </conditionalFormatting>
  <conditionalFormatting sqref="A115">
    <cfRule type="containsBlanks" dxfId="2" priority="3">
      <formula>LEN(TRIM(A115))=0</formula>
    </cfRule>
  </conditionalFormatting>
  <conditionalFormatting sqref="F111:G111">
    <cfRule type="containsBlanks" dxfId="1" priority="1">
      <formula>LEN(TRIM(F111))=0</formula>
    </cfRule>
  </conditionalFormatting>
  <conditionalFormatting sqref="F111:G111">
    <cfRule type="containsBlanks" dxfId="0" priority="2">
      <formula>LEN(TRIM(F111))=0</formula>
    </cfRule>
  </conditionalFormatting>
  <pageMargins left="0.59055118110236227" right="0.39370078740157483" top="0.98425196850393704" bottom="0.39370078740157483" header="0.31496062992125984" footer="0.31496062992125984"/>
  <pageSetup paperSize="9" scale="72" fitToHeight="0" orientation="portrait" r:id="rId1"/>
  <headerFooter>
    <oddHeader>&amp;L&amp;"Times New Roman,Tučné"Príloha č. 1&amp;"Times New Roman,Normálne"
Špecifikácia predmetu zákazky</oddHeader>
  </headerFooter>
  <rowBreaks count="1" manualBreakCount="1">
    <brk id="93" max="6"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Opis</vt:lpstr>
      <vt:lpstr>'PT-Opis'!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gr. Jana Maticová</dc:creator>
  <cp:lastModifiedBy>Mgr. Jana Maticová</cp:lastModifiedBy>
  <dcterms:created xsi:type="dcterms:W3CDTF">2022-09-29T08:40:39Z</dcterms:created>
  <dcterms:modified xsi:type="dcterms:W3CDTF">2022-10-26T06:27:58Z</dcterms:modified>
</cp:coreProperties>
</file>